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omments1.xml" ContentType="application/vnd.openxmlformats-officedocument.spreadsheetml.comments+xml"/>
  <Override PartName="/xl/drawings/drawing7.xml" ContentType="application/vnd.openxmlformats-officedocument.drawing+xml"/>
  <Override PartName="/xl/drawings/drawing8.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0203\14_助成Ｇ（助成担当）\04 助成（共通）\11 現況調査\Ｒ６現況調査\幼稚園\00_調査票様式等\"/>
    </mc:Choice>
  </mc:AlternateContent>
  <bookViews>
    <workbookView xWindow="13680" yWindow="48" windowWidth="20184" windowHeight="4944" tabRatio="898" activeTab="3"/>
  </bookViews>
  <sheets>
    <sheet name="〇記入要領" sheetId="16" r:id="rId1"/>
    <sheet name="〇表紙" sheetId="6" r:id="rId2"/>
    <sheet name="〇現況調査票 （その1）" sheetId="11" r:id="rId3"/>
    <sheet name="〇現況調査票（その２）" sheetId="18" r:id="rId4"/>
    <sheet name="〇現況調査票 （その３）両面" sheetId="17" r:id="rId5"/>
    <sheet name="〇教職員名簿（訂正用）" sheetId="9" r:id="rId6"/>
    <sheet name="新規教職員名簿（その1）" sheetId="4" r:id="rId7"/>
    <sheet name="新規教職員名簿（その2）" sheetId="5" r:id="rId8"/>
    <sheet name="預かり保育" sheetId="10" r:id="rId9"/>
    <sheet name="教職員名簿コード表" sheetId="19" r:id="rId10"/>
  </sheets>
  <externalReferences>
    <externalReference r:id="rId11"/>
  </externalReferences>
  <definedNames>
    <definedName name="_xlnm.Print_Area" localSheetId="0">〇記入要領!$A$1:$D$25</definedName>
    <definedName name="_xlnm.Print_Area" localSheetId="5">'〇教職員名簿（訂正用）'!$A$1:$CD$67</definedName>
    <definedName name="_xlnm.Print_Area" localSheetId="2">'〇現況調査票 （その1）'!$A$2:$CI$110</definedName>
    <definedName name="_xlnm.Print_Area" localSheetId="4">'〇現況調査票 （その３）両面'!$A$1:$R$196</definedName>
    <definedName name="_xlnm.Print_Area" localSheetId="3">'〇現況調査票（その２）'!$A$2:$BZ$46</definedName>
    <definedName name="_xlnm.Print_Area" localSheetId="1">〇表紙!$A$1:$O$34</definedName>
    <definedName name="_xlnm.Print_Area" localSheetId="9">教職員名簿コード表!$A$1:$AO$59</definedName>
    <definedName name="_xlnm.Print_Area" localSheetId="6">'新規教職員名簿（その1）'!$A$2:$CC$101</definedName>
    <definedName name="_xlnm.Print_Area" localSheetId="7">'新規教職員名簿（その2）'!$A$1:$BY$67</definedName>
    <definedName name="_xlnm.Print_Area" localSheetId="8">預かり保育!$A$1:$BT$31</definedName>
    <definedName name="番号" localSheetId="3">'[1]現況調査票（その３）両面'!$E$1</definedName>
    <definedName name="番号">#REF!</definedName>
  </definedNames>
  <calcPr calcId="162913"/>
</workbook>
</file>

<file path=xl/comments1.xml><?xml version="1.0" encoding="utf-8"?>
<comments xmlns="http://schemas.openxmlformats.org/spreadsheetml/2006/main">
  <authors>
    <author>user</author>
  </authors>
  <commentList>
    <comment ref="C26" authorId="0" shapeId="0">
      <text>
        <r>
          <rPr>
            <sz val="9"/>
            <color indexed="81"/>
            <rFont val="ＭＳ Ｐゴシック"/>
            <family val="3"/>
            <charset val="128"/>
          </rPr>
          <t xml:space="preserve">前の整理番号の教職員が退職により名簿から取り消された場合でも、整理番号の訂正・振り直しの必要はありません。     
</t>
        </r>
      </text>
    </comment>
    <comment ref="AE26" authorId="0" shapeId="0">
      <text>
        <r>
          <rPr>
            <sz val="9"/>
            <color indexed="81"/>
            <rFont val="ＭＳ Ｐゴシック"/>
            <family val="3"/>
            <charset val="128"/>
          </rPr>
          <t>教員免許等を所持していなかった職員が、新たに免許等を取得した場合は、取得した免許等の資格について「教員免許状の種類」欄と「コード」欄に記入した上で、記入した種類の免許状等の写しを提出してください。</t>
        </r>
      </text>
    </comment>
  </commentList>
</comments>
</file>

<file path=xl/sharedStrings.xml><?xml version="1.0" encoding="utf-8"?>
<sst xmlns="http://schemas.openxmlformats.org/spreadsheetml/2006/main" count="1203" uniqueCount="797">
  <si>
    <t>整理
番号</t>
    <rPh sb="0" eb="2">
      <t>セイリ</t>
    </rPh>
    <rPh sb="3" eb="5">
      <t>バンゴウ</t>
    </rPh>
    <phoneticPr fontId="2"/>
  </si>
  <si>
    <t>ｶｰﾄﾞ
番号</t>
    <rPh sb="5" eb="7">
      <t>バンゴウ</t>
    </rPh>
    <phoneticPr fontId="2"/>
  </si>
  <si>
    <t>名称</t>
    <rPh sb="0" eb="2">
      <t>メイショウ</t>
    </rPh>
    <phoneticPr fontId="2"/>
  </si>
  <si>
    <t>職　　名</t>
    <rPh sb="0" eb="1">
      <t>ショク</t>
    </rPh>
    <rPh sb="3" eb="4">
      <t>メイ</t>
    </rPh>
    <phoneticPr fontId="2"/>
  </si>
  <si>
    <t>種類</t>
    <rPh sb="0" eb="2">
      <t>シュルイ</t>
    </rPh>
    <phoneticPr fontId="2"/>
  </si>
  <si>
    <t>取得年月日
授与権者</t>
    <rPh sb="0" eb="2">
      <t>シュトク</t>
    </rPh>
    <rPh sb="2" eb="5">
      <t>ネンガッピ</t>
    </rPh>
    <rPh sb="6" eb="8">
      <t>ジュヨ</t>
    </rPh>
    <rPh sb="8" eb="9">
      <t>ケン</t>
    </rPh>
    <rPh sb="9" eb="10">
      <t>シャ</t>
    </rPh>
    <phoneticPr fontId="2"/>
  </si>
  <si>
    <t>番　号</t>
    <rPh sb="0" eb="1">
      <t>バン</t>
    </rPh>
    <rPh sb="2" eb="3">
      <t>ゴウ</t>
    </rPh>
    <phoneticPr fontId="2"/>
  </si>
  <si>
    <t>教員免許状又は教務に関する資格免許等</t>
    <rPh sb="0" eb="2">
      <t>キョウイン</t>
    </rPh>
    <rPh sb="2" eb="5">
      <t>メンキョジョウ</t>
    </rPh>
    <rPh sb="5" eb="6">
      <t>マタ</t>
    </rPh>
    <rPh sb="7" eb="9">
      <t>キョウム</t>
    </rPh>
    <rPh sb="10" eb="11">
      <t>カン</t>
    </rPh>
    <rPh sb="13" eb="15">
      <t>シカク</t>
    </rPh>
    <rPh sb="15" eb="17">
      <t>メンキョ</t>
    </rPh>
    <rPh sb="17" eb="18">
      <t>トウ</t>
    </rPh>
    <phoneticPr fontId="2"/>
  </si>
  <si>
    <t>私 学 共 済 加 入 状 況</t>
    <rPh sb="0" eb="1">
      <t>ワタシ</t>
    </rPh>
    <rPh sb="2" eb="3">
      <t>ガク</t>
    </rPh>
    <rPh sb="4" eb="5">
      <t>トモ</t>
    </rPh>
    <rPh sb="6" eb="7">
      <t>スミ</t>
    </rPh>
    <rPh sb="8" eb="9">
      <t>カ</t>
    </rPh>
    <rPh sb="10" eb="11">
      <t>イリ</t>
    </rPh>
    <rPh sb="12" eb="13">
      <t>ジョウ</t>
    </rPh>
    <rPh sb="14" eb="15">
      <t>キョウ</t>
    </rPh>
    <phoneticPr fontId="2"/>
  </si>
  <si>
    <t>コード</t>
    <phoneticPr fontId="2"/>
  </si>
  <si>
    <t>要勤務</t>
    <rPh sb="0" eb="1">
      <t>ヨウ</t>
    </rPh>
    <rPh sb="1" eb="3">
      <t>キンム</t>
    </rPh>
    <phoneticPr fontId="2"/>
  </si>
  <si>
    <t>日　数</t>
    <rPh sb="0" eb="1">
      <t>ヒ</t>
    </rPh>
    <rPh sb="2" eb="3">
      <t>カズ</t>
    </rPh>
    <phoneticPr fontId="2"/>
  </si>
  <si>
    <t>本・兼</t>
    <rPh sb="0" eb="1">
      <t>ホン</t>
    </rPh>
    <rPh sb="2" eb="3">
      <t>ケン</t>
    </rPh>
    <phoneticPr fontId="2"/>
  </si>
  <si>
    <t>拘　束</t>
    <rPh sb="0" eb="1">
      <t>カカ</t>
    </rPh>
    <rPh sb="2" eb="3">
      <t>タバ</t>
    </rPh>
    <phoneticPr fontId="2"/>
  </si>
  <si>
    <t>時　間</t>
    <rPh sb="0" eb="1">
      <t>トキ</t>
    </rPh>
    <rPh sb="2" eb="3">
      <t>アイダ</t>
    </rPh>
    <phoneticPr fontId="2"/>
  </si>
  <si>
    <t>勤務形態</t>
    <rPh sb="0" eb="2">
      <t>キンム</t>
    </rPh>
    <rPh sb="2" eb="4">
      <t>ケイタイ</t>
    </rPh>
    <phoneticPr fontId="2"/>
  </si>
  <si>
    <t>（週当たり）</t>
    <rPh sb="1" eb="2">
      <t>シュウ</t>
    </rPh>
    <rPh sb="2" eb="3">
      <t>ア</t>
    </rPh>
    <phoneticPr fontId="2"/>
  </si>
  <si>
    <t>他に勤務する</t>
    <rPh sb="0" eb="1">
      <t>ホカ</t>
    </rPh>
    <rPh sb="2" eb="4">
      <t>キンム</t>
    </rPh>
    <phoneticPr fontId="2"/>
  </si>
  <si>
    <t>学校の名称</t>
    <rPh sb="0" eb="2">
      <t>ガッコウ</t>
    </rPh>
    <rPh sb="3" eb="5">
      <t>メイショウ</t>
    </rPh>
    <phoneticPr fontId="2"/>
  </si>
  <si>
    <t>休　　職　　等</t>
    <rPh sb="0" eb="1">
      <t>キュウ</t>
    </rPh>
    <rPh sb="3" eb="4">
      <t>ショク</t>
    </rPh>
    <rPh sb="6" eb="7">
      <t>トウ</t>
    </rPh>
    <phoneticPr fontId="2"/>
  </si>
  <si>
    <t>雇用状況</t>
    <rPh sb="0" eb="2">
      <t>コヨウ</t>
    </rPh>
    <rPh sb="2" eb="4">
      <t>ジョウキョウ</t>
    </rPh>
    <phoneticPr fontId="2"/>
  </si>
  <si>
    <t>退職財団</t>
    <rPh sb="0" eb="2">
      <t>タイショク</t>
    </rPh>
    <rPh sb="2" eb="4">
      <t>ザイダン</t>
    </rPh>
    <phoneticPr fontId="2"/>
  </si>
  <si>
    <t>加入状況</t>
    <rPh sb="0" eb="2">
      <t>カニュウ</t>
    </rPh>
    <rPh sb="2" eb="4">
      <t>ジョウキョウ</t>
    </rPh>
    <phoneticPr fontId="2"/>
  </si>
  <si>
    <t>氏　名　（　漢　字　）</t>
    <rPh sb="0" eb="1">
      <t>シ</t>
    </rPh>
    <rPh sb="2" eb="3">
      <t>メイ</t>
    </rPh>
    <rPh sb="6" eb="7">
      <t>カン</t>
    </rPh>
    <rPh sb="8" eb="9">
      <t>ジ</t>
    </rPh>
    <phoneticPr fontId="2"/>
  </si>
  <si>
    <t>組　合　員　番　号</t>
    <rPh sb="0" eb="1">
      <t>クミ</t>
    </rPh>
    <rPh sb="2" eb="3">
      <t>ゴウ</t>
    </rPh>
    <rPh sb="4" eb="5">
      <t>イン</t>
    </rPh>
    <rPh sb="6" eb="7">
      <t>バン</t>
    </rPh>
    <rPh sb="8" eb="9">
      <t>ゴウ</t>
    </rPh>
    <phoneticPr fontId="2"/>
  </si>
  <si>
    <r>
      <t>私立幼稚園新規教職員名簿記入上の注意</t>
    </r>
    <r>
      <rPr>
        <sz val="10"/>
        <rFont val="ＭＳ 明朝"/>
        <family val="1"/>
        <charset val="128"/>
      </rPr>
      <t>（その１）</t>
    </r>
    <rPh sb="0" eb="2">
      <t>シリツ</t>
    </rPh>
    <rPh sb="2" eb="5">
      <t>ヨウチエン</t>
    </rPh>
    <rPh sb="5" eb="7">
      <t>シンキ</t>
    </rPh>
    <rPh sb="7" eb="10">
      <t>キョウショクイン</t>
    </rPh>
    <rPh sb="10" eb="12">
      <t>メイボ</t>
    </rPh>
    <rPh sb="12" eb="14">
      <t>キニュウ</t>
    </rPh>
    <rPh sb="14" eb="15">
      <t>ジョウ</t>
    </rPh>
    <rPh sb="16" eb="18">
      <t>チュウイ</t>
    </rPh>
    <phoneticPr fontId="2"/>
  </si>
  <si>
    <t>新規教職員用</t>
    <rPh sb="0" eb="2">
      <t>シンキ</t>
    </rPh>
    <rPh sb="2" eb="6">
      <t>キョウショクインヨウ</t>
    </rPh>
    <phoneticPr fontId="2"/>
  </si>
  <si>
    <t>神</t>
    <rPh sb="0" eb="1">
      <t>カミ</t>
    </rPh>
    <phoneticPr fontId="2"/>
  </si>
  <si>
    <t>奈</t>
    <rPh sb="0" eb="1">
      <t>ナ</t>
    </rPh>
    <phoneticPr fontId="2"/>
  </si>
  <si>
    <t>川</t>
    <rPh sb="0" eb="1">
      <t>カワ</t>
    </rPh>
    <phoneticPr fontId="2"/>
  </si>
  <si>
    <t>太</t>
    <rPh sb="0" eb="1">
      <t>フトシ</t>
    </rPh>
    <phoneticPr fontId="2"/>
  </si>
  <si>
    <t>郎</t>
    <rPh sb="0" eb="1">
      <t>ロウ</t>
    </rPh>
    <phoneticPr fontId="2"/>
  </si>
  <si>
    <t>教諭</t>
    <rPh sb="0" eb="2">
      <t>キョウユ</t>
    </rPh>
    <phoneticPr fontId="2"/>
  </si>
  <si>
    <t>幼１種</t>
    <rPh sb="0" eb="1">
      <t>ヨウ</t>
    </rPh>
    <rPh sb="2" eb="3">
      <t>シュ</t>
    </rPh>
    <phoneticPr fontId="2"/>
  </si>
  <si>
    <t>園長</t>
    <rPh sb="0" eb="2">
      <t>エンチョウ</t>
    </rPh>
    <phoneticPr fontId="2"/>
  </si>
  <si>
    <t>養護助教諭</t>
    <rPh sb="0" eb="2">
      <t>ヨウゴ</t>
    </rPh>
    <rPh sb="2" eb="5">
      <t>ジョキョウユ</t>
    </rPh>
    <phoneticPr fontId="2"/>
  </si>
  <si>
    <t>用務員</t>
    <rPh sb="0" eb="3">
      <t>ヨウムイン</t>
    </rPh>
    <phoneticPr fontId="2"/>
  </si>
  <si>
    <t>教頭</t>
    <rPh sb="0" eb="2">
      <t>キョウトウ</t>
    </rPh>
    <phoneticPr fontId="2"/>
  </si>
  <si>
    <t>講師</t>
    <rPh sb="0" eb="2">
      <t>コウシ</t>
    </rPh>
    <phoneticPr fontId="2"/>
  </si>
  <si>
    <t>警備員</t>
    <rPh sb="0" eb="3">
      <t>ケイビイン</t>
    </rPh>
    <phoneticPr fontId="2"/>
  </si>
  <si>
    <t>教育補助員</t>
    <rPh sb="0" eb="2">
      <t>キョウイク</t>
    </rPh>
    <rPh sb="2" eb="5">
      <t>ホジョイン</t>
    </rPh>
    <phoneticPr fontId="2"/>
  </si>
  <si>
    <t>寮・寄宿舎管理人</t>
    <rPh sb="0" eb="1">
      <t>リョウ</t>
    </rPh>
    <rPh sb="2" eb="5">
      <t>キシュクシャ</t>
    </rPh>
    <rPh sb="5" eb="8">
      <t>カンリニン</t>
    </rPh>
    <phoneticPr fontId="2"/>
  </si>
  <si>
    <t>助教諭</t>
    <rPh sb="0" eb="3">
      <t>ジョキョウユ</t>
    </rPh>
    <phoneticPr fontId="2"/>
  </si>
  <si>
    <t>事務職員</t>
    <rPh sb="0" eb="2">
      <t>ジム</t>
    </rPh>
    <rPh sb="2" eb="4">
      <t>ショクイン</t>
    </rPh>
    <phoneticPr fontId="2"/>
  </si>
  <si>
    <t>運転手</t>
    <rPh sb="0" eb="3">
      <t>ウンテンシュ</t>
    </rPh>
    <phoneticPr fontId="2"/>
  </si>
  <si>
    <t>養護教諭</t>
    <rPh sb="0" eb="2">
      <t>ヨウゴ</t>
    </rPh>
    <rPh sb="2" eb="4">
      <t>キョウユ</t>
    </rPh>
    <phoneticPr fontId="2"/>
  </si>
  <si>
    <t>養護職員</t>
    <rPh sb="0" eb="2">
      <t>ヨウゴ</t>
    </rPh>
    <rPh sb="2" eb="4">
      <t>ショクイン</t>
    </rPh>
    <phoneticPr fontId="2"/>
  </si>
  <si>
    <t>給食調理員</t>
    <rPh sb="0" eb="2">
      <t>キュウショク</t>
    </rPh>
    <rPh sb="2" eb="5">
      <t>チョウリイン</t>
    </rPh>
    <phoneticPr fontId="2"/>
  </si>
  <si>
    <t>・教員免許状の種類、コード、取得年月日、授与権者、番号は次のように記入してください。</t>
    <rPh sb="1" eb="3">
      <t>キョウイン</t>
    </rPh>
    <rPh sb="3" eb="6">
      <t>メンキョジョウ</t>
    </rPh>
    <rPh sb="7" eb="9">
      <t>シュルイ</t>
    </rPh>
    <rPh sb="14" eb="16">
      <t>シュトク</t>
    </rPh>
    <rPh sb="16" eb="19">
      <t>ネンガッピ</t>
    </rPh>
    <rPh sb="20" eb="22">
      <t>ジュヨ</t>
    </rPh>
    <rPh sb="22" eb="23">
      <t>ケン</t>
    </rPh>
    <rPh sb="23" eb="24">
      <t>シャ</t>
    </rPh>
    <rPh sb="25" eb="27">
      <t>バンゴウ</t>
    </rPh>
    <rPh sb="28" eb="29">
      <t>ツギ</t>
    </rPh>
    <rPh sb="33" eb="35">
      <t>キニュウ</t>
    </rPh>
    <phoneticPr fontId="2"/>
  </si>
  <si>
    <t>01</t>
    <phoneticPr fontId="2"/>
  </si>
  <si>
    <t>11</t>
    <phoneticPr fontId="2"/>
  </si>
  <si>
    <t>12</t>
    <phoneticPr fontId="2"/>
  </si>
  <si>
    <t>31</t>
    <phoneticPr fontId="2"/>
  </si>
  <si>
    <t>41</t>
    <phoneticPr fontId="2"/>
  </si>
  <si>
    <t>42</t>
    <phoneticPr fontId="2"/>
  </si>
  <si>
    <t>43</t>
    <phoneticPr fontId="2"/>
  </si>
  <si>
    <t>44</t>
    <phoneticPr fontId="2"/>
  </si>
  <si>
    <t>記　　入　　方　　法</t>
    <rPh sb="0" eb="1">
      <t>キ</t>
    </rPh>
    <rPh sb="3" eb="4">
      <t>イリ</t>
    </rPh>
    <rPh sb="6" eb="7">
      <t>カタ</t>
    </rPh>
    <rPh sb="9" eb="10">
      <t>ホウ</t>
    </rPh>
    <phoneticPr fontId="2"/>
  </si>
  <si>
    <t>種　類</t>
    <rPh sb="0" eb="1">
      <t>タネ</t>
    </rPh>
    <rPh sb="2" eb="3">
      <t>タグイ</t>
    </rPh>
    <phoneticPr fontId="2"/>
  </si>
  <si>
    <t>必要とされる免許状</t>
    <rPh sb="0" eb="2">
      <t>ヒツヨウ</t>
    </rPh>
    <rPh sb="6" eb="9">
      <t>メンキョジョウ</t>
    </rPh>
    <phoneticPr fontId="2"/>
  </si>
  <si>
    <t>幼稚園教諭専修免許状</t>
    <rPh sb="0" eb="3">
      <t>ヨウチエン</t>
    </rPh>
    <rPh sb="3" eb="5">
      <t>キョウユ</t>
    </rPh>
    <rPh sb="5" eb="7">
      <t>センシュウ</t>
    </rPh>
    <rPh sb="7" eb="10">
      <t>メンキョジョウ</t>
    </rPh>
    <phoneticPr fontId="2"/>
  </si>
  <si>
    <t>幼稚園教諭１種免許状</t>
    <rPh sb="0" eb="3">
      <t>ヨウチエン</t>
    </rPh>
    <rPh sb="3" eb="5">
      <t>キョウユ</t>
    </rPh>
    <rPh sb="6" eb="7">
      <t>シュ</t>
    </rPh>
    <rPh sb="7" eb="10">
      <t>メンキョジョウ</t>
    </rPh>
    <phoneticPr fontId="2"/>
  </si>
  <si>
    <t>幼稚園教諭２種免許状</t>
    <rPh sb="0" eb="3">
      <t>ヨウチエン</t>
    </rPh>
    <rPh sb="3" eb="5">
      <t>キョウユ</t>
    </rPh>
    <rPh sb="6" eb="7">
      <t>シュ</t>
    </rPh>
    <rPh sb="7" eb="10">
      <t>メンキョジョウ</t>
    </rPh>
    <phoneticPr fontId="2"/>
  </si>
  <si>
    <t>幼専修</t>
    <rPh sb="0" eb="1">
      <t>ヨウ</t>
    </rPh>
    <rPh sb="1" eb="3">
      <t>センシュウ</t>
    </rPh>
    <phoneticPr fontId="2"/>
  </si>
  <si>
    <t>幼２種</t>
    <rPh sb="0" eb="1">
      <t>ヨウ</t>
    </rPh>
    <rPh sb="2" eb="3">
      <t>シュ</t>
    </rPh>
    <phoneticPr fontId="2"/>
  </si>
  <si>
    <t>04</t>
  </si>
  <si>
    <t>幼　臨</t>
    <rPh sb="0" eb="1">
      <t>ヨウ</t>
    </rPh>
    <rPh sb="2" eb="3">
      <t>ノゾム</t>
    </rPh>
    <phoneticPr fontId="2"/>
  </si>
  <si>
    <t>養護教諭専修免許状</t>
    <rPh sb="0" eb="2">
      <t>ヨウゴ</t>
    </rPh>
    <rPh sb="2" eb="4">
      <t>キョウユ</t>
    </rPh>
    <rPh sb="4" eb="6">
      <t>センシュウ</t>
    </rPh>
    <rPh sb="6" eb="9">
      <t>メンキョジョウ</t>
    </rPh>
    <phoneticPr fontId="2"/>
  </si>
  <si>
    <t>養護教諭１種免許状</t>
    <rPh sb="0" eb="2">
      <t>ヨウゴ</t>
    </rPh>
    <rPh sb="2" eb="4">
      <t>キョウユ</t>
    </rPh>
    <rPh sb="5" eb="6">
      <t>シュ</t>
    </rPh>
    <rPh sb="6" eb="9">
      <t>メンキョジョウ</t>
    </rPh>
    <phoneticPr fontId="2"/>
  </si>
  <si>
    <t>養護教諭２種免許状</t>
    <rPh sb="0" eb="2">
      <t>ヨウゴ</t>
    </rPh>
    <rPh sb="2" eb="4">
      <t>キョウユ</t>
    </rPh>
    <rPh sb="5" eb="6">
      <t>シュ</t>
    </rPh>
    <rPh sb="6" eb="9">
      <t>メンキョジョウ</t>
    </rPh>
    <phoneticPr fontId="2"/>
  </si>
  <si>
    <t>養専修</t>
    <rPh sb="0" eb="1">
      <t>ヨウ</t>
    </rPh>
    <rPh sb="1" eb="3">
      <t>センシュウ</t>
    </rPh>
    <phoneticPr fontId="2"/>
  </si>
  <si>
    <t>養１種</t>
    <rPh sb="0" eb="1">
      <t>ヨウ</t>
    </rPh>
    <rPh sb="2" eb="3">
      <t>シュ</t>
    </rPh>
    <phoneticPr fontId="2"/>
  </si>
  <si>
    <t>養２種</t>
    <rPh sb="0" eb="1">
      <t>ヨウ</t>
    </rPh>
    <rPh sb="2" eb="3">
      <t>シュ</t>
    </rPh>
    <phoneticPr fontId="2"/>
  </si>
  <si>
    <t>養護助教諭臨時免許状</t>
    <rPh sb="0" eb="2">
      <t>ヨウゴ</t>
    </rPh>
    <rPh sb="2" eb="5">
      <t>ジョキョウユ</t>
    </rPh>
    <rPh sb="5" eb="7">
      <t>リンジ</t>
    </rPh>
    <rPh sb="7" eb="10">
      <t>メンキョジョウ</t>
    </rPh>
    <phoneticPr fontId="2"/>
  </si>
  <si>
    <t>幼稚園助教諭臨時免許状</t>
    <rPh sb="0" eb="3">
      <t>ヨウチエン</t>
    </rPh>
    <rPh sb="3" eb="6">
      <t>ジョキョウユ</t>
    </rPh>
    <rPh sb="6" eb="8">
      <t>リンジ</t>
    </rPh>
    <rPh sb="8" eb="11">
      <t>メンキョジョウ</t>
    </rPh>
    <phoneticPr fontId="2"/>
  </si>
  <si>
    <t>養　臨</t>
    <rPh sb="0" eb="1">
      <t>ヨウ</t>
    </rPh>
    <rPh sb="2" eb="3">
      <t>ノゾム</t>
    </rPh>
    <phoneticPr fontId="2"/>
  </si>
  <si>
    <t>（上記免許状のいずれか１つ）</t>
    <rPh sb="1" eb="3">
      <t>ジョウキ</t>
    </rPh>
    <rPh sb="3" eb="6">
      <t>メンキョジョウ</t>
    </rPh>
    <phoneticPr fontId="2"/>
  </si>
  <si>
    <t>高専修</t>
    <rPh sb="0" eb="1">
      <t>コウ</t>
    </rPh>
    <rPh sb="1" eb="3">
      <t>センシュウ</t>
    </rPh>
    <phoneticPr fontId="2"/>
  </si>
  <si>
    <t>高１種</t>
    <rPh sb="0" eb="1">
      <t>コウ</t>
    </rPh>
    <rPh sb="2" eb="3">
      <t>シュ</t>
    </rPh>
    <phoneticPr fontId="2"/>
  </si>
  <si>
    <t>中専修</t>
    <rPh sb="0" eb="1">
      <t>チュウ</t>
    </rPh>
    <rPh sb="1" eb="3">
      <t>センシュウ</t>
    </rPh>
    <phoneticPr fontId="2"/>
  </si>
  <si>
    <t>中１種</t>
    <rPh sb="0" eb="1">
      <t>チュウ</t>
    </rPh>
    <rPh sb="2" eb="3">
      <t>シュ</t>
    </rPh>
    <phoneticPr fontId="2"/>
  </si>
  <si>
    <t>小専修</t>
    <rPh sb="0" eb="1">
      <t>ショウ</t>
    </rPh>
    <rPh sb="1" eb="3">
      <t>センシュウ</t>
    </rPh>
    <phoneticPr fontId="2"/>
  </si>
  <si>
    <t>小１種</t>
    <rPh sb="0" eb="1">
      <t>ショウ</t>
    </rPh>
    <rPh sb="2" eb="3">
      <t>シュ</t>
    </rPh>
    <phoneticPr fontId="2"/>
  </si>
  <si>
    <t>・この名簿は、本年５月１日現在の状況に基づいて作成してください。</t>
    <rPh sb="3" eb="5">
      <t>メイボ</t>
    </rPh>
    <rPh sb="7" eb="9">
      <t>ホンネン</t>
    </rPh>
    <rPh sb="10" eb="11">
      <t>ガツ</t>
    </rPh>
    <rPh sb="12" eb="13">
      <t>ニチ</t>
    </rPh>
    <rPh sb="13" eb="15">
      <t>ゲンザイ</t>
    </rPh>
    <rPh sb="16" eb="18">
      <t>ジョウキョウ</t>
    </rPh>
    <rPh sb="19" eb="20">
      <t>モト</t>
    </rPh>
    <rPh sb="23" eb="25">
      <t>サクセイ</t>
    </rPh>
    <phoneticPr fontId="2"/>
  </si>
  <si>
    <t>※ 昨年５月２日以降に採用された教職員について</t>
    <rPh sb="2" eb="4">
      <t>サクネン</t>
    </rPh>
    <rPh sb="5" eb="6">
      <t>ガツ</t>
    </rPh>
    <rPh sb="7" eb="8">
      <t>ニチ</t>
    </rPh>
    <rPh sb="8" eb="10">
      <t>イコウ</t>
    </rPh>
    <rPh sb="11" eb="13">
      <t>サイヨウ</t>
    </rPh>
    <rPh sb="16" eb="19">
      <t>キョウショクイン</t>
    </rPh>
    <phoneticPr fontId="2"/>
  </si>
  <si>
    <t>　 記入する際に使用してください。</t>
    <rPh sb="2" eb="4">
      <t>キニュウ</t>
    </rPh>
    <rPh sb="6" eb="7">
      <t>サイ</t>
    </rPh>
    <rPh sb="8" eb="10">
      <t>シヨウ</t>
    </rPh>
    <phoneticPr fontId="2"/>
  </si>
  <si>
    <t>ｺｰﾄﾞ</t>
    <phoneticPr fontId="2"/>
  </si>
  <si>
    <t>①</t>
    <phoneticPr fontId="2"/>
  </si>
  <si>
    <t>②</t>
    <phoneticPr fontId="2"/>
  </si>
  <si>
    <t>③</t>
    <phoneticPr fontId="2"/>
  </si>
  <si>
    <t>④</t>
    <phoneticPr fontId="2"/>
  </si>
  <si>
    <t>⑤</t>
    <phoneticPr fontId="2"/>
  </si>
  <si>
    <t>⑥</t>
    <phoneticPr fontId="2"/>
  </si>
  <si>
    <t>⑦</t>
    <phoneticPr fontId="2"/>
  </si>
  <si>
    <t>⑧</t>
    <phoneticPr fontId="2"/>
  </si>
  <si>
    <t>⑨</t>
    <phoneticPr fontId="2"/>
  </si>
  <si>
    <t>38</t>
    <phoneticPr fontId="2"/>
  </si>
  <si>
    <t>35</t>
    <phoneticPr fontId="2"/>
  </si>
  <si>
    <t>37</t>
    <phoneticPr fontId="2"/>
  </si>
  <si>
    <t>02</t>
    <phoneticPr fontId="2"/>
  </si>
  <si>
    <t>○○○○</t>
    <phoneticPr fontId="2"/>
  </si>
  <si>
    <t>03</t>
    <phoneticPr fontId="2"/>
  </si>
  <si>
    <t>04</t>
    <phoneticPr fontId="2"/>
  </si>
  <si>
    <t>21</t>
    <phoneticPr fontId="2"/>
  </si>
  <si>
    <t>22</t>
    <phoneticPr fontId="2"/>
  </si>
  <si>
    <t>32</t>
    <phoneticPr fontId="2"/>
  </si>
  <si>
    <t>・この欄には、当該幼稚園の勤務形態のみを記入し、他の学校にも勤務する者は、「他に勤務する学校の名称」</t>
    <rPh sb="3" eb="4">
      <t>ラン</t>
    </rPh>
    <rPh sb="7" eb="9">
      <t>トウガイ</t>
    </rPh>
    <rPh sb="9" eb="12">
      <t>ヨウチエン</t>
    </rPh>
    <rPh sb="13" eb="15">
      <t>キンム</t>
    </rPh>
    <rPh sb="15" eb="17">
      <t>ケイタイ</t>
    </rPh>
    <rPh sb="20" eb="22">
      <t>キニュウ</t>
    </rPh>
    <rPh sb="24" eb="25">
      <t>タ</t>
    </rPh>
    <rPh sb="26" eb="28">
      <t>ガッコウ</t>
    </rPh>
    <rPh sb="30" eb="32">
      <t>キンム</t>
    </rPh>
    <rPh sb="34" eb="35">
      <t>モノ</t>
    </rPh>
    <rPh sb="38" eb="39">
      <t>タ</t>
    </rPh>
    <rPh sb="40" eb="42">
      <t>キンム</t>
    </rPh>
    <rPh sb="44" eb="46">
      <t>ガッコウ</t>
    </rPh>
    <rPh sb="47" eb="49">
      <t>メイショウ</t>
    </rPh>
    <phoneticPr fontId="2"/>
  </si>
  <si>
    <t>　欄にその勤務先名を記入してください。</t>
    <rPh sb="1" eb="2">
      <t>ラン</t>
    </rPh>
    <rPh sb="5" eb="8">
      <t>キンムサキ</t>
    </rPh>
    <rPh sb="8" eb="9">
      <t>メイ</t>
    </rPh>
    <rPh sb="10" eb="12">
      <t>キニュウ</t>
    </rPh>
    <phoneticPr fontId="2"/>
  </si>
  <si>
    <t>・本務・兼務・非常勤の区分は、次により判断してください。</t>
    <rPh sb="1" eb="3">
      <t>ホンム</t>
    </rPh>
    <rPh sb="4" eb="6">
      <t>ケンム</t>
    </rPh>
    <rPh sb="7" eb="10">
      <t>ヒジョウキン</t>
    </rPh>
    <rPh sb="11" eb="13">
      <t>クブン</t>
    </rPh>
    <rPh sb="15" eb="16">
      <t>ツギ</t>
    </rPh>
    <rPh sb="19" eb="21">
      <t>ハンダン</t>
    </rPh>
    <phoneticPr fontId="2"/>
  </si>
  <si>
    <t>＜本務・兼務・非常勤の区分基準＞</t>
    <rPh sb="1" eb="3">
      <t>ホンム</t>
    </rPh>
    <rPh sb="4" eb="6">
      <t>ケンム</t>
    </rPh>
    <rPh sb="7" eb="10">
      <t>ヒジョウキン</t>
    </rPh>
    <rPh sb="11" eb="13">
      <t>クブン</t>
    </rPh>
    <rPh sb="13" eb="15">
      <t>キジュン</t>
    </rPh>
    <phoneticPr fontId="2"/>
  </si>
  <si>
    <t>１．次の要件を充たす者は、原則として、本務又は兼務とし、その他は非常勤とする。</t>
    <rPh sb="2" eb="3">
      <t>ツギ</t>
    </rPh>
    <rPh sb="4" eb="6">
      <t>ヨウケン</t>
    </rPh>
    <rPh sb="7" eb="8">
      <t>ミ</t>
    </rPh>
    <rPh sb="10" eb="11">
      <t>モノ</t>
    </rPh>
    <rPh sb="13" eb="15">
      <t>ゲンソク</t>
    </rPh>
    <rPh sb="19" eb="21">
      <t>ホンム</t>
    </rPh>
    <rPh sb="21" eb="22">
      <t>マタ</t>
    </rPh>
    <rPh sb="23" eb="25">
      <t>ケンム</t>
    </rPh>
    <rPh sb="30" eb="31">
      <t>タ</t>
    </rPh>
    <rPh sb="32" eb="35">
      <t>ヒジョウキン</t>
    </rPh>
    <phoneticPr fontId="2"/>
  </si>
  <si>
    <t>２．本務・兼務の区分は次による。</t>
    <rPh sb="2" eb="4">
      <t>ホンム</t>
    </rPh>
    <rPh sb="5" eb="7">
      <t>ケンム</t>
    </rPh>
    <rPh sb="8" eb="10">
      <t>クブン</t>
    </rPh>
    <rPh sb="11" eb="12">
      <t>ツギ</t>
    </rPh>
    <phoneticPr fontId="2"/>
  </si>
  <si>
    <t>　　ア．俸給（給料又はこれに相当するものを含む）を支給されている学校。</t>
    <rPh sb="4" eb="6">
      <t>ホウキュウ</t>
    </rPh>
    <rPh sb="7" eb="9">
      <t>キュウリョウ</t>
    </rPh>
    <rPh sb="9" eb="10">
      <t>マタ</t>
    </rPh>
    <rPh sb="14" eb="16">
      <t>ソウトウ</t>
    </rPh>
    <rPh sb="21" eb="22">
      <t>フク</t>
    </rPh>
    <rPh sb="25" eb="27">
      <t>シキュウ</t>
    </rPh>
    <rPh sb="32" eb="34">
      <t>ガッコウ</t>
    </rPh>
    <phoneticPr fontId="2"/>
  </si>
  <si>
    <t>　　イ．２校以上から俸給を支給されている場合は、支給額の多い学校とし、俸給が同額又は一括</t>
    <rPh sb="5" eb="6">
      <t>コウ</t>
    </rPh>
    <rPh sb="6" eb="8">
      <t>イジョウ</t>
    </rPh>
    <rPh sb="10" eb="12">
      <t>ホウキュウ</t>
    </rPh>
    <rPh sb="13" eb="15">
      <t>シキュウ</t>
    </rPh>
    <rPh sb="20" eb="22">
      <t>バアイ</t>
    </rPh>
    <rPh sb="24" eb="27">
      <t>シキュウガク</t>
    </rPh>
    <rPh sb="28" eb="29">
      <t>オオ</t>
    </rPh>
    <rPh sb="30" eb="32">
      <t>ガッコウ</t>
    </rPh>
    <rPh sb="35" eb="37">
      <t>ホウキュウ</t>
    </rPh>
    <rPh sb="38" eb="40">
      <t>ドウガク</t>
    </rPh>
    <rPh sb="40" eb="41">
      <t>マタ</t>
    </rPh>
    <rPh sb="42" eb="44">
      <t>イッカツ</t>
    </rPh>
    <phoneticPr fontId="2"/>
  </si>
  <si>
    <t>　　　　支給されている場合は、拘束時間数の多い学校。</t>
    <rPh sb="4" eb="6">
      <t>シキュウ</t>
    </rPh>
    <rPh sb="11" eb="13">
      <t>バアイ</t>
    </rPh>
    <rPh sb="15" eb="17">
      <t>コウソク</t>
    </rPh>
    <rPh sb="17" eb="20">
      <t>ジカンスウ</t>
    </rPh>
    <rPh sb="21" eb="22">
      <t>オオ</t>
    </rPh>
    <rPh sb="23" eb="25">
      <t>ガッコウ</t>
    </rPh>
    <phoneticPr fontId="2"/>
  </si>
  <si>
    <t>　以外の者は３を記入してください。</t>
    <rPh sb="1" eb="3">
      <t>イガイ</t>
    </rPh>
    <rPh sb="4" eb="5">
      <t>モノ</t>
    </rPh>
    <rPh sb="8" eb="10">
      <t>キニュウ</t>
    </rPh>
    <phoneticPr fontId="2"/>
  </si>
  <si>
    <t>・コード欄は、５月１日現在で、休職中の者は１、代替教職員の者は２、その他の者は０を記入してください。</t>
    <rPh sb="4" eb="5">
      <t>ラン</t>
    </rPh>
    <rPh sb="8" eb="9">
      <t>ガツ</t>
    </rPh>
    <rPh sb="10" eb="11">
      <t>ニチ</t>
    </rPh>
    <rPh sb="11" eb="13">
      <t>ゲンザイ</t>
    </rPh>
    <rPh sb="15" eb="18">
      <t>キュウショクチュウ</t>
    </rPh>
    <rPh sb="19" eb="20">
      <t>モノ</t>
    </rPh>
    <rPh sb="23" eb="25">
      <t>ダイタイ</t>
    </rPh>
    <rPh sb="25" eb="28">
      <t>キョウショクイン</t>
    </rPh>
    <rPh sb="29" eb="30">
      <t>モノ</t>
    </rPh>
    <rPh sb="35" eb="36">
      <t>タ</t>
    </rPh>
    <rPh sb="37" eb="38">
      <t>モノ</t>
    </rPh>
    <rPh sb="41" eb="43">
      <t>キニュウ</t>
    </rPh>
    <phoneticPr fontId="2"/>
  </si>
  <si>
    <t>・県私学退職基金財団に加入している場合は１、県私立幼稚園退職基金財団に加入している場合は２、県専修</t>
    <rPh sb="1" eb="2">
      <t>ケン</t>
    </rPh>
    <rPh sb="2" eb="4">
      <t>シガク</t>
    </rPh>
    <rPh sb="4" eb="6">
      <t>タイショク</t>
    </rPh>
    <rPh sb="6" eb="8">
      <t>キキン</t>
    </rPh>
    <rPh sb="8" eb="10">
      <t>ザイダン</t>
    </rPh>
    <rPh sb="11" eb="13">
      <t>カニュウ</t>
    </rPh>
    <rPh sb="17" eb="19">
      <t>バアイ</t>
    </rPh>
    <rPh sb="22" eb="23">
      <t>ケン</t>
    </rPh>
    <rPh sb="23" eb="25">
      <t>シリツ</t>
    </rPh>
    <rPh sb="25" eb="28">
      <t>ヨウチエン</t>
    </rPh>
    <rPh sb="28" eb="30">
      <t>タイショク</t>
    </rPh>
    <rPh sb="30" eb="32">
      <t>キキン</t>
    </rPh>
    <rPh sb="32" eb="34">
      <t>ザイダン</t>
    </rPh>
    <rPh sb="35" eb="37">
      <t>カニュウ</t>
    </rPh>
    <rPh sb="41" eb="43">
      <t>バアイ</t>
    </rPh>
    <rPh sb="46" eb="47">
      <t>ケン</t>
    </rPh>
    <rPh sb="47" eb="49">
      <t>センシュウ</t>
    </rPh>
    <phoneticPr fontId="2"/>
  </si>
  <si>
    <t>　学校各種学校退職基金財団に加入している場合は３、いずれにも加入してない場合は４を記入してください。</t>
    <rPh sb="1" eb="3">
      <t>ガッコウ</t>
    </rPh>
    <rPh sb="3" eb="5">
      <t>カクシュ</t>
    </rPh>
    <rPh sb="5" eb="7">
      <t>ガッコウ</t>
    </rPh>
    <rPh sb="7" eb="9">
      <t>タイショク</t>
    </rPh>
    <rPh sb="9" eb="11">
      <t>キキン</t>
    </rPh>
    <rPh sb="11" eb="13">
      <t>ザイダン</t>
    </rPh>
    <rPh sb="14" eb="16">
      <t>カニュウ</t>
    </rPh>
    <rPh sb="20" eb="22">
      <t>バアイ</t>
    </rPh>
    <rPh sb="30" eb="32">
      <t>カニュウ</t>
    </rPh>
    <rPh sb="36" eb="38">
      <t>バアイ</t>
    </rPh>
    <rPh sb="41" eb="43">
      <t>キニュウ</t>
    </rPh>
    <phoneticPr fontId="2"/>
  </si>
  <si>
    <t>・本務・兼務コード欄には、当該幼稚園での勤務形態に従い、本務は１、兼務は２、非常勤は３のいずれか</t>
    <rPh sb="1" eb="3">
      <t>ホンム</t>
    </rPh>
    <rPh sb="4" eb="6">
      <t>ケンム</t>
    </rPh>
    <rPh sb="9" eb="10">
      <t>ラン</t>
    </rPh>
    <rPh sb="13" eb="15">
      <t>トウガイ</t>
    </rPh>
    <rPh sb="15" eb="18">
      <t>ヨウチエン</t>
    </rPh>
    <rPh sb="20" eb="22">
      <t>キンム</t>
    </rPh>
    <rPh sb="22" eb="24">
      <t>ケイタイ</t>
    </rPh>
    <rPh sb="25" eb="26">
      <t>シタガ</t>
    </rPh>
    <rPh sb="28" eb="30">
      <t>ホンム</t>
    </rPh>
    <rPh sb="33" eb="35">
      <t>ケンム</t>
    </rPh>
    <rPh sb="38" eb="41">
      <t>ヒジョウキン</t>
    </rPh>
    <phoneticPr fontId="2"/>
  </si>
  <si>
    <t>　１つを記入してください。</t>
    <rPh sb="4" eb="6">
      <t>キニュウ</t>
    </rPh>
    <phoneticPr fontId="2"/>
  </si>
  <si>
    <t>・私学共済組合に加入している場合は１、学校法人又は学校独自の共済制度に加入している場合は２、いずれ</t>
    <rPh sb="1" eb="3">
      <t>シガク</t>
    </rPh>
    <rPh sb="3" eb="5">
      <t>キョウサイ</t>
    </rPh>
    <rPh sb="5" eb="7">
      <t>クミアイ</t>
    </rPh>
    <rPh sb="8" eb="10">
      <t>カニュウ</t>
    </rPh>
    <rPh sb="14" eb="16">
      <t>バアイ</t>
    </rPh>
    <rPh sb="19" eb="21">
      <t>ガッコウ</t>
    </rPh>
    <rPh sb="21" eb="23">
      <t>ホウジン</t>
    </rPh>
    <rPh sb="23" eb="24">
      <t>マタ</t>
    </rPh>
    <rPh sb="25" eb="27">
      <t>ガッコウ</t>
    </rPh>
    <rPh sb="27" eb="29">
      <t>ドクジ</t>
    </rPh>
    <rPh sb="30" eb="32">
      <t>キョウサイ</t>
    </rPh>
    <rPh sb="32" eb="34">
      <t>セイド</t>
    </rPh>
    <rPh sb="35" eb="37">
      <t>カニュウ</t>
    </rPh>
    <rPh sb="41" eb="43">
      <t>バアイ</t>
    </rPh>
    <phoneticPr fontId="2"/>
  </si>
  <si>
    <t>　にも加入していない場合は３を記入してください。</t>
    <rPh sb="3" eb="5">
      <t>カニュウ</t>
    </rPh>
    <rPh sb="10" eb="12">
      <t>バアイ</t>
    </rPh>
    <rPh sb="15" eb="17">
      <t>キニュウ</t>
    </rPh>
    <phoneticPr fontId="2"/>
  </si>
  <si>
    <t>性　別</t>
    <rPh sb="0" eb="1">
      <t>セイ</t>
    </rPh>
    <rPh sb="2" eb="3">
      <t>ベツ</t>
    </rPh>
    <phoneticPr fontId="2"/>
  </si>
  <si>
    <t>生年月日</t>
    <rPh sb="0" eb="2">
      <t>セイネン</t>
    </rPh>
    <rPh sb="2" eb="4">
      <t>ガッピ</t>
    </rPh>
    <phoneticPr fontId="2"/>
  </si>
  <si>
    <t>採用年月日</t>
    <rPh sb="0" eb="2">
      <t>サイヨウ</t>
    </rPh>
    <rPh sb="2" eb="5">
      <t>ネンガッピ</t>
    </rPh>
    <phoneticPr fontId="2"/>
  </si>
  <si>
    <t>新卒等の別</t>
    <rPh sb="0" eb="2">
      <t>シンソツ</t>
    </rPh>
    <rPh sb="2" eb="3">
      <t>トウ</t>
    </rPh>
    <rPh sb="4" eb="5">
      <t>ベツ</t>
    </rPh>
    <phoneticPr fontId="2"/>
  </si>
  <si>
    <t>基　本　給</t>
    <rPh sb="0" eb="1">
      <t>モト</t>
    </rPh>
    <rPh sb="2" eb="3">
      <t>ホン</t>
    </rPh>
    <rPh sb="4" eb="5">
      <t>キュウ</t>
    </rPh>
    <phoneticPr fontId="2"/>
  </si>
  <si>
    <t>前　年</t>
    <rPh sb="0" eb="1">
      <t>マエ</t>
    </rPh>
    <rPh sb="2" eb="3">
      <t>トシ</t>
    </rPh>
    <phoneticPr fontId="2"/>
  </si>
  <si>
    <t>氏　名　（　カ　ナ　）</t>
    <rPh sb="0" eb="1">
      <t>シ</t>
    </rPh>
    <rPh sb="2" eb="3">
      <t>メイ</t>
    </rPh>
    <phoneticPr fontId="2"/>
  </si>
  <si>
    <t>年号</t>
    <rPh sb="0" eb="2">
      <t>ネンゴウ</t>
    </rPh>
    <phoneticPr fontId="2"/>
  </si>
  <si>
    <t>年</t>
    <rPh sb="0" eb="1">
      <t>ネン</t>
    </rPh>
    <phoneticPr fontId="2"/>
  </si>
  <si>
    <t>月</t>
    <rPh sb="0" eb="1">
      <t>ゲツ</t>
    </rPh>
    <phoneticPr fontId="2"/>
  </si>
  <si>
    <t>日</t>
    <rPh sb="0" eb="1">
      <t>ニチ</t>
    </rPh>
    <phoneticPr fontId="2"/>
  </si>
  <si>
    <t>通勤手当</t>
    <rPh sb="0" eb="2">
      <t>ツウキン</t>
    </rPh>
    <rPh sb="2" eb="4">
      <t>テアテ</t>
    </rPh>
    <phoneticPr fontId="2"/>
  </si>
  <si>
    <t>毎月一定額の手当</t>
    <rPh sb="0" eb="2">
      <t>マイツキ</t>
    </rPh>
    <rPh sb="2" eb="4">
      <t>イッテイ</t>
    </rPh>
    <rPh sb="4" eb="5">
      <t>ガク</t>
    </rPh>
    <rPh sb="6" eb="8">
      <t>テアテ</t>
    </rPh>
    <phoneticPr fontId="2"/>
  </si>
  <si>
    <t>月ごとに異なる手当</t>
    <rPh sb="0" eb="1">
      <t>ツキ</t>
    </rPh>
    <rPh sb="4" eb="5">
      <t>コト</t>
    </rPh>
    <rPh sb="7" eb="9">
      <t>テアテ</t>
    </rPh>
    <phoneticPr fontId="2"/>
  </si>
  <si>
    <t>合　　計</t>
    <rPh sb="0" eb="1">
      <t>ゴウ</t>
    </rPh>
    <rPh sb="3" eb="4">
      <t>ケイ</t>
    </rPh>
    <phoneticPr fontId="2"/>
  </si>
  <si>
    <t>（本　俸）</t>
    <rPh sb="1" eb="2">
      <t>ホン</t>
    </rPh>
    <rPh sb="3" eb="4">
      <t>ホウ</t>
    </rPh>
    <phoneticPr fontId="2"/>
  </si>
  <si>
    <t>支払金額</t>
    <rPh sb="0" eb="2">
      <t>シハラ</t>
    </rPh>
    <rPh sb="2" eb="4">
      <t>キンガク</t>
    </rPh>
    <phoneticPr fontId="2"/>
  </si>
  <si>
    <t>千</t>
    <rPh sb="0" eb="1">
      <t>セン</t>
    </rPh>
    <phoneticPr fontId="2"/>
  </si>
  <si>
    <t>円</t>
    <rPh sb="0" eb="1">
      <t>エン</t>
    </rPh>
    <phoneticPr fontId="2"/>
  </si>
  <si>
    <t>０２</t>
    <phoneticPr fontId="2"/>
  </si>
  <si>
    <r>
      <t>私立幼稚園新規教職員名簿記入上の注意</t>
    </r>
    <r>
      <rPr>
        <sz val="10"/>
        <rFont val="ＭＳ 明朝"/>
        <family val="1"/>
        <charset val="128"/>
      </rPr>
      <t>（その２）</t>
    </r>
    <rPh sb="0" eb="2">
      <t>シリツ</t>
    </rPh>
    <rPh sb="2" eb="5">
      <t>ヨウチエン</t>
    </rPh>
    <rPh sb="5" eb="7">
      <t>シンキ</t>
    </rPh>
    <rPh sb="7" eb="10">
      <t>キョウショクイン</t>
    </rPh>
    <rPh sb="10" eb="12">
      <t>メイボ</t>
    </rPh>
    <rPh sb="12" eb="14">
      <t>キニュウ</t>
    </rPh>
    <rPh sb="14" eb="15">
      <t>ジョウ</t>
    </rPh>
    <rPh sb="16" eb="18">
      <t>チュウイ</t>
    </rPh>
    <phoneticPr fontId="2"/>
  </si>
  <si>
    <t>F</t>
    <phoneticPr fontId="2"/>
  </si>
  <si>
    <t>０１</t>
    <phoneticPr fontId="2"/>
  </si>
  <si>
    <t>－</t>
    <phoneticPr fontId="2"/>
  </si>
  <si>
    <t>゛</t>
    <phoneticPr fontId="2"/>
  </si>
  <si>
    <t>ｶ</t>
    <phoneticPr fontId="2"/>
  </si>
  <si>
    <t>ﾅ</t>
    <phoneticPr fontId="2"/>
  </si>
  <si>
    <t>ﾜ</t>
    <phoneticPr fontId="2"/>
  </si>
  <si>
    <t>ﾀ</t>
    <phoneticPr fontId="2"/>
  </si>
  <si>
    <t>ﾛ</t>
    <phoneticPr fontId="2"/>
  </si>
  <si>
    <t>ｳ</t>
    <phoneticPr fontId="2"/>
  </si>
  <si>
    <t>・氏名（カナ）は、姓と名の間を１マスあけ、濁点、半濁点は１マスを使ってください。</t>
    <rPh sb="1" eb="3">
      <t>シメイ</t>
    </rPh>
    <rPh sb="9" eb="10">
      <t>セイ</t>
    </rPh>
    <rPh sb="11" eb="12">
      <t>メイ</t>
    </rPh>
    <rPh sb="13" eb="14">
      <t>アイダ</t>
    </rPh>
    <rPh sb="21" eb="23">
      <t>ダクテン</t>
    </rPh>
    <rPh sb="24" eb="27">
      <t>ハンダクテン</t>
    </rPh>
    <rPh sb="32" eb="33">
      <t>ツカ</t>
    </rPh>
    <phoneticPr fontId="2"/>
  </si>
  <si>
    <t>・「男性」は１、「女性」は２を記入してください。</t>
    <rPh sb="2" eb="4">
      <t>ダンセイ</t>
    </rPh>
    <rPh sb="9" eb="11">
      <t>ジョセイ</t>
    </rPh>
    <rPh sb="15" eb="17">
      <t>キニュウ</t>
    </rPh>
    <phoneticPr fontId="2"/>
  </si>
  <si>
    <t>・設置者変更、学校法人化などの異動があった場合でも継続して勤務している教職員については、</t>
    <rPh sb="1" eb="3">
      <t>セッチ</t>
    </rPh>
    <rPh sb="3" eb="4">
      <t>シャ</t>
    </rPh>
    <rPh sb="4" eb="6">
      <t>ヘンコウ</t>
    </rPh>
    <rPh sb="7" eb="9">
      <t>ガッコウ</t>
    </rPh>
    <rPh sb="9" eb="12">
      <t>ホウジンカ</t>
    </rPh>
    <rPh sb="15" eb="17">
      <t>イドウ</t>
    </rPh>
    <rPh sb="21" eb="23">
      <t>バアイ</t>
    </rPh>
    <rPh sb="25" eb="27">
      <t>ケイゾク</t>
    </rPh>
    <rPh sb="29" eb="31">
      <t>キンム</t>
    </rPh>
    <rPh sb="35" eb="38">
      <t>キョウショクイン</t>
    </rPh>
    <phoneticPr fontId="2"/>
  </si>
  <si>
    <t>　異動前の採用年月日を記入してください。</t>
    <rPh sb="1" eb="3">
      <t>イドウ</t>
    </rPh>
    <rPh sb="3" eb="4">
      <t>マエ</t>
    </rPh>
    <rPh sb="5" eb="7">
      <t>サイヨウ</t>
    </rPh>
    <rPh sb="7" eb="10">
      <t>ネンガッピ</t>
    </rPh>
    <rPh sb="11" eb="13">
      <t>キニュウ</t>
    </rPh>
    <phoneticPr fontId="2"/>
  </si>
  <si>
    <t>　ただし、幼稚園としての設置認可を受ける以前に、採用年月日をさかのぼることはできません。</t>
    <rPh sb="5" eb="8">
      <t>ヨウチエン</t>
    </rPh>
    <rPh sb="12" eb="14">
      <t>セッチ</t>
    </rPh>
    <rPh sb="14" eb="16">
      <t>ニンカ</t>
    </rPh>
    <rPh sb="17" eb="18">
      <t>ウ</t>
    </rPh>
    <rPh sb="20" eb="22">
      <t>イゼン</t>
    </rPh>
    <rPh sb="24" eb="26">
      <t>サイヨウ</t>
    </rPh>
    <rPh sb="26" eb="29">
      <t>ネンガッピ</t>
    </rPh>
    <phoneticPr fontId="2"/>
  </si>
  <si>
    <t>・「基本給（本俸）」、「通勤手当」、「毎月一定額の手当」、「月ごとに異なる手当」及び</t>
    <rPh sb="2" eb="5">
      <t>キホンキュウ</t>
    </rPh>
    <rPh sb="6" eb="8">
      <t>ホンポウ</t>
    </rPh>
    <rPh sb="12" eb="14">
      <t>ツウキン</t>
    </rPh>
    <rPh sb="14" eb="16">
      <t>テアテ</t>
    </rPh>
    <rPh sb="19" eb="21">
      <t>マイツキ</t>
    </rPh>
    <rPh sb="21" eb="23">
      <t>イッテイ</t>
    </rPh>
    <rPh sb="23" eb="24">
      <t>ガク</t>
    </rPh>
    <rPh sb="25" eb="27">
      <t>テアテ</t>
    </rPh>
    <rPh sb="30" eb="31">
      <t>ツキ</t>
    </rPh>
    <rPh sb="34" eb="35">
      <t>コト</t>
    </rPh>
    <rPh sb="37" eb="39">
      <t>テアテ</t>
    </rPh>
    <rPh sb="40" eb="41">
      <t>オヨ</t>
    </rPh>
    <phoneticPr fontId="2"/>
  </si>
  <si>
    <t>・各欄は、次により記入してください。</t>
    <rPh sb="1" eb="3">
      <t>カクラン</t>
    </rPh>
    <rPh sb="5" eb="6">
      <t>ツギ</t>
    </rPh>
    <rPh sb="9" eb="11">
      <t>キニュウ</t>
    </rPh>
    <phoneticPr fontId="2"/>
  </si>
  <si>
    <t>　ア．「基本給（本俸）」欄は、給与のうち基本給（教職調整額等を含む）を記入してください。</t>
    <rPh sb="4" eb="7">
      <t>キホンキュウ</t>
    </rPh>
    <rPh sb="8" eb="10">
      <t>ホンポウ</t>
    </rPh>
    <rPh sb="12" eb="13">
      <t>ラン</t>
    </rPh>
    <rPh sb="15" eb="17">
      <t>キュウヨ</t>
    </rPh>
    <rPh sb="20" eb="23">
      <t>キホンキュウ</t>
    </rPh>
    <rPh sb="24" eb="26">
      <t>キョウショク</t>
    </rPh>
    <rPh sb="26" eb="28">
      <t>チョウセイ</t>
    </rPh>
    <rPh sb="28" eb="30">
      <t>ガクトウ</t>
    </rPh>
    <rPh sb="31" eb="32">
      <t>フク</t>
    </rPh>
    <rPh sb="35" eb="37">
      <t>キニュウ</t>
    </rPh>
    <phoneticPr fontId="2"/>
  </si>
  <si>
    <t>　イ．「通勤手当」欄は、４月に支給されたか否かにかかわらず、４月相当分を記入してください。</t>
    <rPh sb="4" eb="6">
      <t>ツウキン</t>
    </rPh>
    <rPh sb="6" eb="8">
      <t>テアテ</t>
    </rPh>
    <rPh sb="9" eb="10">
      <t>ラン</t>
    </rPh>
    <rPh sb="13" eb="14">
      <t>ガツ</t>
    </rPh>
    <rPh sb="15" eb="17">
      <t>シキュウ</t>
    </rPh>
    <rPh sb="21" eb="22">
      <t>イナ</t>
    </rPh>
    <rPh sb="31" eb="32">
      <t>ガツ</t>
    </rPh>
    <rPh sb="32" eb="34">
      <t>ソウトウ</t>
    </rPh>
    <rPh sb="34" eb="35">
      <t>ブン</t>
    </rPh>
    <rPh sb="36" eb="38">
      <t>キニュウ</t>
    </rPh>
    <phoneticPr fontId="2"/>
  </si>
  <si>
    <t>　ウ．「毎月一定額の手当」欄は、園長手当、主任手当、調整手当、扶養手当、住宅手当等、毎月</t>
    <rPh sb="4" eb="6">
      <t>マイツキ</t>
    </rPh>
    <rPh sb="6" eb="8">
      <t>イッテイ</t>
    </rPh>
    <rPh sb="8" eb="9">
      <t>ガク</t>
    </rPh>
    <rPh sb="10" eb="12">
      <t>テアテ</t>
    </rPh>
    <rPh sb="13" eb="14">
      <t>ラン</t>
    </rPh>
    <rPh sb="16" eb="18">
      <t>エンチョウ</t>
    </rPh>
    <rPh sb="18" eb="20">
      <t>テアテ</t>
    </rPh>
    <rPh sb="21" eb="23">
      <t>シュニン</t>
    </rPh>
    <rPh sb="23" eb="25">
      <t>テアテ</t>
    </rPh>
    <rPh sb="26" eb="28">
      <t>チョウセイ</t>
    </rPh>
    <rPh sb="28" eb="30">
      <t>テアテ</t>
    </rPh>
    <rPh sb="31" eb="33">
      <t>フヨウ</t>
    </rPh>
    <rPh sb="33" eb="35">
      <t>テアテ</t>
    </rPh>
    <rPh sb="36" eb="38">
      <t>ジュウタク</t>
    </rPh>
    <rPh sb="38" eb="40">
      <t>テアテ</t>
    </rPh>
    <rPh sb="40" eb="41">
      <t>トウ</t>
    </rPh>
    <rPh sb="42" eb="44">
      <t>マイツキ</t>
    </rPh>
    <phoneticPr fontId="2"/>
  </si>
  <si>
    <t>　　　一定額を支給する手当の合計額を記入してください。</t>
    <rPh sb="3" eb="5">
      <t>イッテイ</t>
    </rPh>
    <rPh sb="5" eb="6">
      <t>ガク</t>
    </rPh>
    <rPh sb="7" eb="9">
      <t>シキュウ</t>
    </rPh>
    <rPh sb="11" eb="13">
      <t>テアテ</t>
    </rPh>
    <rPh sb="14" eb="16">
      <t>ゴウケイ</t>
    </rPh>
    <rPh sb="16" eb="17">
      <t>ガク</t>
    </rPh>
    <rPh sb="18" eb="20">
      <t>キニュウ</t>
    </rPh>
    <phoneticPr fontId="2"/>
  </si>
  <si>
    <t>　エ．「月ごとに異なる手当」欄は、超過勤務手当、バス乗車手当、宿日直手当、精勤手当等、</t>
    <rPh sb="4" eb="5">
      <t>ツキ</t>
    </rPh>
    <rPh sb="8" eb="9">
      <t>コト</t>
    </rPh>
    <rPh sb="11" eb="13">
      <t>テアテ</t>
    </rPh>
    <rPh sb="14" eb="15">
      <t>ラン</t>
    </rPh>
    <rPh sb="17" eb="19">
      <t>チョウカ</t>
    </rPh>
    <rPh sb="19" eb="21">
      <t>キンム</t>
    </rPh>
    <rPh sb="21" eb="23">
      <t>テアテ</t>
    </rPh>
    <rPh sb="26" eb="28">
      <t>ジョウシャ</t>
    </rPh>
    <rPh sb="28" eb="30">
      <t>テアテ</t>
    </rPh>
    <rPh sb="31" eb="34">
      <t>シュクニッチョク</t>
    </rPh>
    <rPh sb="34" eb="36">
      <t>テアテ</t>
    </rPh>
    <rPh sb="37" eb="39">
      <t>セイキン</t>
    </rPh>
    <rPh sb="39" eb="41">
      <t>テアテ</t>
    </rPh>
    <rPh sb="41" eb="42">
      <t>トウ</t>
    </rPh>
    <phoneticPr fontId="2"/>
  </si>
  <si>
    <t>　　　支給額が月ごとに異なる手当の合計額を記入してください。</t>
    <rPh sb="3" eb="6">
      <t>シキュウガク</t>
    </rPh>
    <rPh sb="7" eb="8">
      <t>ツキ</t>
    </rPh>
    <rPh sb="11" eb="12">
      <t>コト</t>
    </rPh>
    <rPh sb="14" eb="16">
      <t>テアテ</t>
    </rPh>
    <rPh sb="17" eb="19">
      <t>ゴウケイ</t>
    </rPh>
    <rPh sb="19" eb="20">
      <t>ガク</t>
    </rPh>
    <rPh sb="21" eb="23">
      <t>キニュウ</t>
    </rPh>
    <phoneticPr fontId="2"/>
  </si>
  <si>
    <t>　オ．「合計」欄は、上記ア．からエ．までの合計額を記入してください。</t>
    <rPh sb="4" eb="6">
      <t>ゴウケイ</t>
    </rPh>
    <rPh sb="7" eb="8">
      <t>ラン</t>
    </rPh>
    <rPh sb="10" eb="12">
      <t>ジョウキ</t>
    </rPh>
    <rPh sb="21" eb="23">
      <t>ゴウケイ</t>
    </rPh>
    <rPh sb="23" eb="24">
      <t>ガク</t>
    </rPh>
    <rPh sb="25" eb="27">
      <t>キニュウ</t>
    </rPh>
    <phoneticPr fontId="2"/>
  </si>
  <si>
    <t>・非常勤職員（時給や日給で給与をもらっている職員）の手当は４月分の月額に換算して「基本給</t>
    <rPh sb="1" eb="4">
      <t>ヒジョウキン</t>
    </rPh>
    <rPh sb="4" eb="6">
      <t>ショクイン</t>
    </rPh>
    <rPh sb="7" eb="9">
      <t>ジキュウ</t>
    </rPh>
    <rPh sb="10" eb="12">
      <t>ニッキュウ</t>
    </rPh>
    <rPh sb="13" eb="15">
      <t>キュウヨ</t>
    </rPh>
    <rPh sb="22" eb="24">
      <t>ショクイン</t>
    </rPh>
    <rPh sb="26" eb="28">
      <t>テアテ</t>
    </rPh>
    <rPh sb="30" eb="32">
      <t>ガツブン</t>
    </rPh>
    <rPh sb="33" eb="35">
      <t>ゲツガク</t>
    </rPh>
    <rPh sb="36" eb="38">
      <t>カンサン</t>
    </rPh>
    <rPh sb="41" eb="44">
      <t>キホンキュウ</t>
    </rPh>
    <phoneticPr fontId="2"/>
  </si>
  <si>
    <t>　（本俸）」欄に記入してください。</t>
    <rPh sb="2" eb="4">
      <t>ホンポウ</t>
    </rPh>
    <rPh sb="6" eb="7">
      <t>ラン</t>
    </rPh>
    <rPh sb="8" eb="10">
      <t>キニュウ</t>
    </rPh>
    <phoneticPr fontId="2"/>
  </si>
  <si>
    <t>・個人別に作成されている前年分の「給与所得に対する源泉徴収簿」（税務署用　緑色のもの）</t>
    <rPh sb="1" eb="3">
      <t>コジン</t>
    </rPh>
    <rPh sb="3" eb="4">
      <t>ベツ</t>
    </rPh>
    <rPh sb="5" eb="7">
      <t>サクセイ</t>
    </rPh>
    <rPh sb="12" eb="14">
      <t>ゼンネン</t>
    </rPh>
    <rPh sb="14" eb="15">
      <t>ブン</t>
    </rPh>
    <rPh sb="17" eb="19">
      <t>キュウヨ</t>
    </rPh>
    <rPh sb="19" eb="21">
      <t>ショトク</t>
    </rPh>
    <rPh sb="22" eb="23">
      <t>タイ</t>
    </rPh>
    <rPh sb="25" eb="27">
      <t>ゲンセン</t>
    </rPh>
    <rPh sb="27" eb="29">
      <t>チョウシュウ</t>
    </rPh>
    <rPh sb="29" eb="30">
      <t>ボ</t>
    </rPh>
    <rPh sb="32" eb="35">
      <t>ゼイムショ</t>
    </rPh>
    <rPh sb="35" eb="36">
      <t>ヨウ</t>
    </rPh>
    <rPh sb="37" eb="39">
      <t>ミドリイロ</t>
    </rPh>
    <phoneticPr fontId="2"/>
  </si>
  <si>
    <t>・（本年度採用の教員についてのみ記入してください）</t>
    <rPh sb="2" eb="5">
      <t>ホンネンド</t>
    </rPh>
    <rPh sb="5" eb="7">
      <t>サイヨウ</t>
    </rPh>
    <rPh sb="8" eb="10">
      <t>キョウイン</t>
    </rPh>
    <rPh sb="16" eb="18">
      <t>キニュウ</t>
    </rPh>
    <phoneticPr fontId="2"/>
  </si>
  <si>
    <t>　本年度採用の教員について、学校を卒業してすぐ採用された者（新卒）は「１」を、幼稚園教員</t>
    <rPh sb="1" eb="4">
      <t>ホンネンド</t>
    </rPh>
    <rPh sb="4" eb="6">
      <t>サイヨウ</t>
    </rPh>
    <rPh sb="7" eb="9">
      <t>キョウイン</t>
    </rPh>
    <rPh sb="14" eb="16">
      <t>ガッコウ</t>
    </rPh>
    <rPh sb="17" eb="19">
      <t>ソツギョウ</t>
    </rPh>
    <rPh sb="23" eb="25">
      <t>サイヨウ</t>
    </rPh>
    <rPh sb="28" eb="29">
      <t>モノ</t>
    </rPh>
    <rPh sb="30" eb="32">
      <t>シンソツ</t>
    </rPh>
    <rPh sb="39" eb="42">
      <t>ヨウチエン</t>
    </rPh>
    <rPh sb="42" eb="44">
      <t>キョウイン</t>
    </rPh>
    <phoneticPr fontId="2"/>
  </si>
  <si>
    <t>　の経験のある者（教員経験者）は「２」を、それ以外の場合は「３」を記入してください。</t>
    <rPh sb="2" eb="4">
      <t>ケイケン</t>
    </rPh>
    <rPh sb="7" eb="8">
      <t>モノ</t>
    </rPh>
    <rPh sb="9" eb="11">
      <t>キョウイン</t>
    </rPh>
    <rPh sb="11" eb="14">
      <t>ケイケンシャ</t>
    </rPh>
    <rPh sb="23" eb="25">
      <t>イガイ</t>
    </rPh>
    <rPh sb="26" eb="28">
      <t>バアイ</t>
    </rPh>
    <rPh sb="33" eb="35">
      <t>キニュウ</t>
    </rPh>
    <phoneticPr fontId="2"/>
  </si>
  <si>
    <r>
      <t>・教員免許状は、</t>
    </r>
    <r>
      <rPr>
        <u/>
        <sz val="9"/>
        <rFont val="ＭＳ 明朝"/>
        <family val="1"/>
        <charset val="128"/>
      </rPr>
      <t>当該幼稚園の勤務に関するものを記入し、</t>
    </r>
    <r>
      <rPr>
        <sz val="9"/>
        <rFont val="ＭＳ 明朝"/>
        <family val="1"/>
        <charset val="128"/>
      </rPr>
      <t>その他は記入する必要はありません。</t>
    </r>
    <rPh sb="1" eb="3">
      <t>キョウイン</t>
    </rPh>
    <rPh sb="3" eb="6">
      <t>メンキョジョウ</t>
    </rPh>
    <rPh sb="8" eb="10">
      <t>トウガイ</t>
    </rPh>
    <rPh sb="10" eb="13">
      <t>ヨウチエン</t>
    </rPh>
    <rPh sb="14" eb="16">
      <t>キンム</t>
    </rPh>
    <rPh sb="17" eb="18">
      <t>カン</t>
    </rPh>
    <rPh sb="23" eb="25">
      <t>キニュウ</t>
    </rPh>
    <rPh sb="29" eb="30">
      <t>タ</t>
    </rPh>
    <rPh sb="31" eb="33">
      <t>キニュウ</t>
    </rPh>
    <rPh sb="35" eb="37">
      <t>ヒツヨウ</t>
    </rPh>
    <phoneticPr fontId="2"/>
  </si>
  <si>
    <r>
      <t>・</t>
    </r>
    <r>
      <rPr>
        <u/>
        <sz val="9"/>
        <rFont val="ＭＳ 明朝"/>
        <family val="1"/>
        <charset val="128"/>
      </rPr>
      <t>雇用契約期間</t>
    </r>
    <r>
      <rPr>
        <sz val="9"/>
        <rFont val="ＭＳ 明朝"/>
        <family val="1"/>
        <charset val="128"/>
      </rPr>
      <t>（実際に雇用した期間ではない）が１年未満の者は１、月給制の適用を受けない者は２、それ</t>
    </r>
    <rPh sb="1" eb="3">
      <t>コヨウ</t>
    </rPh>
    <rPh sb="3" eb="5">
      <t>ケイヤク</t>
    </rPh>
    <rPh sb="5" eb="7">
      <t>キカン</t>
    </rPh>
    <rPh sb="8" eb="10">
      <t>ジッサイ</t>
    </rPh>
    <rPh sb="11" eb="13">
      <t>コヨウ</t>
    </rPh>
    <rPh sb="15" eb="17">
      <t>キカン</t>
    </rPh>
    <rPh sb="24" eb="27">
      <t>ネンミマン</t>
    </rPh>
    <rPh sb="28" eb="29">
      <t>モノ</t>
    </rPh>
    <rPh sb="32" eb="35">
      <t>ゲッキュウセイ</t>
    </rPh>
    <rPh sb="36" eb="38">
      <t>テキヨウ</t>
    </rPh>
    <rPh sb="39" eb="40">
      <t>ウ</t>
    </rPh>
    <rPh sb="43" eb="44">
      <t>モノ</t>
    </rPh>
    <phoneticPr fontId="2"/>
  </si>
  <si>
    <t>学校コード</t>
  </si>
  <si>
    <t>Ｈ</t>
  </si>
  <si>
    <t>私立学校現況調査報告書</t>
  </si>
  <si>
    <t xml:space="preserve"> </t>
  </si>
  <si>
    <t>ふりがな</t>
  </si>
  <si>
    <t>学校名</t>
  </si>
  <si>
    <t>学校所在地</t>
  </si>
  <si>
    <t>郵便番号</t>
  </si>
  <si>
    <t>電話番号</t>
  </si>
  <si>
    <t>FAX番号</t>
  </si>
  <si>
    <t>⇒</t>
  </si>
  <si>
    <t>校(園)長名</t>
  </si>
  <si>
    <t>設置者住所</t>
  </si>
  <si>
    <t>又は</t>
  </si>
  <si>
    <t>事務所所在地</t>
  </si>
  <si>
    <t>設置者名</t>
  </si>
  <si>
    <t>（</t>
  </si>
  <si>
    <t>法人は、法人名</t>
  </si>
  <si>
    <t>）</t>
  </si>
  <si>
    <t>及び代表者氏名</t>
  </si>
  <si>
    <t>報告書</t>
  </si>
  <si>
    <t>作成者氏名</t>
  </si>
  <si>
    <t>種別</t>
  </si>
  <si>
    <t>Ａ</t>
  </si>
  <si>
    <t>種別</t>
    <rPh sb="0" eb="2">
      <t>シュベツ</t>
    </rPh>
    <phoneticPr fontId="2"/>
  </si>
  <si>
    <t>学校コード</t>
    <rPh sb="0" eb="2">
      <t>ガッコウ</t>
    </rPh>
    <phoneticPr fontId="2"/>
  </si>
  <si>
    <t>枚中</t>
    <rPh sb="0" eb="1">
      <t>マイ</t>
    </rPh>
    <rPh sb="1" eb="2">
      <t>チュウ</t>
    </rPh>
    <phoneticPr fontId="2"/>
  </si>
  <si>
    <t>Ｈ</t>
    <phoneticPr fontId="2"/>
  </si>
  <si>
    <t>教職員名簿訂正用</t>
    <rPh sb="0" eb="1">
      <t>キョウ</t>
    </rPh>
    <rPh sb="1" eb="3">
      <t>ショクイン</t>
    </rPh>
    <rPh sb="3" eb="5">
      <t>メイボ</t>
    </rPh>
    <rPh sb="5" eb="7">
      <t>テイセイ</t>
    </rPh>
    <rPh sb="7" eb="8">
      <t>ヨウ</t>
    </rPh>
    <phoneticPr fontId="2"/>
  </si>
  <si>
    <t>※ 昨年５月１日以前から在職している教職員</t>
    <rPh sb="2" eb="4">
      <t>サクネン</t>
    </rPh>
    <rPh sb="5" eb="6">
      <t>ガツ</t>
    </rPh>
    <rPh sb="7" eb="8">
      <t>ニチ</t>
    </rPh>
    <rPh sb="8" eb="10">
      <t>イゼン</t>
    </rPh>
    <rPh sb="12" eb="14">
      <t>ザイショク</t>
    </rPh>
    <rPh sb="18" eb="21">
      <t>キョウショクイン</t>
    </rPh>
    <phoneticPr fontId="2"/>
  </si>
  <si>
    <t>　 のデータを訂正する際に使用してください。</t>
    <rPh sb="7" eb="9">
      <t>テイセイ</t>
    </rPh>
    <rPh sb="11" eb="12">
      <t>サイ</t>
    </rPh>
    <rPh sb="13" eb="15">
      <t>シヨウ</t>
    </rPh>
    <phoneticPr fontId="2"/>
  </si>
  <si>
    <t>１　この名簿は、本年５月１日現在の実際の状況により作成してください。</t>
    <rPh sb="4" eb="6">
      <t>メイボ</t>
    </rPh>
    <rPh sb="8" eb="10">
      <t>ホンネン</t>
    </rPh>
    <rPh sb="11" eb="12">
      <t>ガツ</t>
    </rPh>
    <rPh sb="13" eb="14">
      <t>ニチ</t>
    </rPh>
    <rPh sb="14" eb="16">
      <t>ゲンザイ</t>
    </rPh>
    <rPh sb="17" eb="19">
      <t>ジッサイ</t>
    </rPh>
    <rPh sb="20" eb="22">
      <t>ジョウキョウ</t>
    </rPh>
    <rPh sb="25" eb="27">
      <t>サクセイ</t>
    </rPh>
    <phoneticPr fontId="2"/>
  </si>
  <si>
    <t>　　訂正してください。なお、給与関係（基本給、通勤手当欄等）については本年４月分及び前年の給与実績を記入欄に記入してください。</t>
    <rPh sb="2" eb="4">
      <t>テイセイ</t>
    </rPh>
    <rPh sb="14" eb="16">
      <t>キュウヨ</t>
    </rPh>
    <rPh sb="16" eb="18">
      <t>カンケイ</t>
    </rPh>
    <rPh sb="19" eb="22">
      <t>キホンキュウ</t>
    </rPh>
    <rPh sb="23" eb="25">
      <t>ツウキン</t>
    </rPh>
    <rPh sb="25" eb="27">
      <t>テアテ</t>
    </rPh>
    <rPh sb="27" eb="28">
      <t>ラン</t>
    </rPh>
    <rPh sb="28" eb="29">
      <t>トウ</t>
    </rPh>
    <rPh sb="35" eb="37">
      <t>ホンネン</t>
    </rPh>
    <rPh sb="38" eb="40">
      <t>ガツブン</t>
    </rPh>
    <rPh sb="40" eb="41">
      <t>オヨ</t>
    </rPh>
    <rPh sb="42" eb="44">
      <t>ゼンネン</t>
    </rPh>
    <rPh sb="45" eb="47">
      <t>キュウヨ</t>
    </rPh>
    <rPh sb="47" eb="49">
      <t>ジッセキ</t>
    </rPh>
    <rPh sb="50" eb="52">
      <t>キニュウ</t>
    </rPh>
    <rPh sb="52" eb="53">
      <t>ラン</t>
    </rPh>
    <rPh sb="54" eb="56">
      <t>キニュウ</t>
    </rPh>
    <phoneticPr fontId="2"/>
  </si>
  <si>
    <t>ＤＣ</t>
    <phoneticPr fontId="2"/>
  </si>
  <si>
    <t>氏　　名　（漢　字）</t>
    <rPh sb="0" eb="1">
      <t>シ</t>
    </rPh>
    <rPh sb="3" eb="4">
      <t>メイ</t>
    </rPh>
    <rPh sb="6" eb="7">
      <t>カン</t>
    </rPh>
    <rPh sb="8" eb="9">
      <t>ジ</t>
    </rPh>
    <phoneticPr fontId="2"/>
  </si>
  <si>
    <t>（名称）</t>
    <rPh sb="1" eb="3">
      <t>メイショウ</t>
    </rPh>
    <phoneticPr fontId="2"/>
  </si>
  <si>
    <t>ｺｰﾄﾞ</t>
    <phoneticPr fontId="2"/>
  </si>
  <si>
    <t>教員免許状</t>
    <rPh sb="0" eb="2">
      <t>キョウイン</t>
    </rPh>
    <rPh sb="2" eb="5">
      <t>メンキョジョウ</t>
    </rPh>
    <phoneticPr fontId="2"/>
  </si>
  <si>
    <t>（種類）</t>
    <rPh sb="1" eb="3">
      <t>シュルイ</t>
    </rPh>
    <phoneticPr fontId="2"/>
  </si>
  <si>
    <t>共済
加入
状況</t>
    <rPh sb="0" eb="2">
      <t>キョウサイ</t>
    </rPh>
    <rPh sb="3" eb="5">
      <t>カニュウ</t>
    </rPh>
    <rPh sb="6" eb="8">
      <t>ジョウキョウ</t>
    </rPh>
    <phoneticPr fontId="2"/>
  </si>
  <si>
    <t>私学共済</t>
    <rPh sb="0" eb="2">
      <t>シガク</t>
    </rPh>
    <rPh sb="2" eb="4">
      <t>キョウサイ</t>
    </rPh>
    <phoneticPr fontId="2"/>
  </si>
  <si>
    <t>組合員番号</t>
    <rPh sb="0" eb="3">
      <t>クミアイイン</t>
    </rPh>
    <rPh sb="3" eb="5">
      <t>バンゴウ</t>
    </rPh>
    <phoneticPr fontId="2"/>
  </si>
  <si>
    <t>勤務
日数</t>
    <rPh sb="0" eb="2">
      <t>キンム</t>
    </rPh>
    <rPh sb="3" eb="5">
      <t>ニッスウ</t>
    </rPh>
    <phoneticPr fontId="2"/>
  </si>
  <si>
    <t>本・兼
ｺｰﾄﾞ</t>
    <rPh sb="0" eb="1">
      <t>ホン</t>
    </rPh>
    <rPh sb="2" eb="3">
      <t>ケン</t>
    </rPh>
    <phoneticPr fontId="2"/>
  </si>
  <si>
    <t>拘束
時間</t>
    <rPh sb="0" eb="2">
      <t>コウソク</t>
    </rPh>
    <rPh sb="3" eb="5">
      <t>ジカン</t>
    </rPh>
    <phoneticPr fontId="2"/>
  </si>
  <si>
    <t>他に勤務する</t>
    <rPh sb="0" eb="1">
      <t>タ</t>
    </rPh>
    <rPh sb="2" eb="4">
      <t>キンム</t>
    </rPh>
    <phoneticPr fontId="2"/>
  </si>
  <si>
    <t>内　　容</t>
    <rPh sb="0" eb="1">
      <t>ウチ</t>
    </rPh>
    <rPh sb="3" eb="4">
      <t>カタチ</t>
    </rPh>
    <phoneticPr fontId="2"/>
  </si>
  <si>
    <t>学　　　校　　　名</t>
    <rPh sb="0" eb="1">
      <t>ガク</t>
    </rPh>
    <rPh sb="4" eb="5">
      <t>コウ</t>
    </rPh>
    <rPh sb="8" eb="9">
      <t>メイ</t>
    </rPh>
    <phoneticPr fontId="2"/>
  </si>
  <si>
    <t>　　○○幼稚園</t>
    <rPh sb="4" eb="7">
      <t>ヨウチエン</t>
    </rPh>
    <phoneticPr fontId="2"/>
  </si>
  <si>
    <t>枚</t>
    <rPh sb="0" eb="1">
      <t>マイ</t>
    </rPh>
    <phoneticPr fontId="2"/>
  </si>
  <si>
    <t>私　立　幼　稚　園　教　職　員　名　簿</t>
    <rPh sb="0" eb="1">
      <t>ワタシ</t>
    </rPh>
    <rPh sb="2" eb="3">
      <t>リツ</t>
    </rPh>
    <rPh sb="4" eb="5">
      <t>ヨウ</t>
    </rPh>
    <rPh sb="6" eb="7">
      <t>オサナイ</t>
    </rPh>
    <rPh sb="8" eb="9">
      <t>エン</t>
    </rPh>
    <rPh sb="10" eb="11">
      <t>キョウ</t>
    </rPh>
    <rPh sb="12" eb="13">
      <t>ショク</t>
    </rPh>
    <rPh sb="14" eb="15">
      <t>イン</t>
    </rPh>
    <rPh sb="16" eb="17">
      <t>メイ</t>
    </rPh>
    <rPh sb="18" eb="19">
      <t>ボ</t>
    </rPh>
    <phoneticPr fontId="2"/>
  </si>
  <si>
    <t>００１</t>
    <phoneticPr fontId="2"/>
  </si>
  <si>
    <t>*</t>
    <phoneticPr fontId="2"/>
  </si>
  <si>
    <t>園　長</t>
    <rPh sb="0" eb="1">
      <t>エン</t>
    </rPh>
    <rPh sb="2" eb="3">
      <t>チョウ</t>
    </rPh>
    <phoneticPr fontId="2"/>
  </si>
  <si>
    <t>F</t>
    <phoneticPr fontId="2"/>
  </si>
  <si>
    <t>-</t>
    <phoneticPr fontId="2"/>
  </si>
  <si>
    <t>-</t>
    <phoneticPr fontId="2"/>
  </si>
  <si>
    <t>氏　　名　（カ　ナ）</t>
    <rPh sb="0" eb="1">
      <t>シ</t>
    </rPh>
    <rPh sb="3" eb="4">
      <t>メイ</t>
    </rPh>
    <phoneticPr fontId="2"/>
  </si>
  <si>
    <t>新卒の別</t>
    <rPh sb="0" eb="2">
      <t>シンソツ</t>
    </rPh>
    <rPh sb="3" eb="4">
      <t>ベツ</t>
    </rPh>
    <phoneticPr fontId="2"/>
  </si>
  <si>
    <t>02</t>
    <phoneticPr fontId="2"/>
  </si>
  <si>
    <t>月</t>
    <rPh sb="0" eb="1">
      <t>ガツ</t>
    </rPh>
    <phoneticPr fontId="2"/>
  </si>
  <si>
    <t>基本給</t>
    <rPh sb="0" eb="3">
      <t>キホンキュウ</t>
    </rPh>
    <phoneticPr fontId="2"/>
  </si>
  <si>
    <t>（本俸）</t>
    <rPh sb="1" eb="3">
      <t>ホンポウ</t>
    </rPh>
    <phoneticPr fontId="2"/>
  </si>
  <si>
    <t>ｶ</t>
    <phoneticPr fontId="2"/>
  </si>
  <si>
    <t>ﾅ</t>
    <phoneticPr fontId="2"/>
  </si>
  <si>
    <t>゛</t>
    <phoneticPr fontId="2"/>
  </si>
  <si>
    <t>ﾜ</t>
    <phoneticPr fontId="2"/>
  </si>
  <si>
    <t>ﾀ</t>
    <phoneticPr fontId="2"/>
  </si>
  <si>
    <t>ﾛ</t>
    <phoneticPr fontId="2"/>
  </si>
  <si>
    <t>ｳ</t>
    <phoneticPr fontId="2"/>
  </si>
  <si>
    <t>*</t>
    <phoneticPr fontId="2"/>
  </si>
  <si>
    <t>《記入例》</t>
    <rPh sb="1" eb="3">
      <t>キニュウ</t>
    </rPh>
    <rPh sb="3" eb="4">
      <t>レイ</t>
    </rPh>
    <phoneticPr fontId="2"/>
  </si>
  <si>
    <t>（１）変更の場合</t>
    <rPh sb="3" eb="5">
      <t>ヘンコウ</t>
    </rPh>
    <rPh sb="6" eb="8">
      <t>バアイ</t>
    </rPh>
    <phoneticPr fontId="2"/>
  </si>
  <si>
    <t>（２）退職の場合</t>
    <rPh sb="3" eb="5">
      <t>タイショク</t>
    </rPh>
    <rPh sb="6" eb="8">
      <t>バアイ</t>
    </rPh>
    <phoneticPr fontId="2"/>
  </si>
  <si>
    <t>００３</t>
    <phoneticPr fontId="2"/>
  </si>
  <si>
    <t>幼1種</t>
    <rPh sb="0" eb="1">
      <t>ヨウ</t>
    </rPh>
    <rPh sb="2" eb="3">
      <t>シュ</t>
    </rPh>
    <phoneticPr fontId="2"/>
  </si>
  <si>
    <t>教　諭</t>
    <rPh sb="0" eb="1">
      <t>キョウ</t>
    </rPh>
    <rPh sb="2" eb="3">
      <t>サトシ</t>
    </rPh>
    <phoneticPr fontId="2"/>
  </si>
  <si>
    <t>赤ペン</t>
    <rPh sb="0" eb="1">
      <t>アカ</t>
    </rPh>
    <phoneticPr fontId="2"/>
  </si>
  <si>
    <t>この用紙の記載内容は、「私立学校名簿」作成の際に使用しますので、正確に記入してください。</t>
    <rPh sb="2" eb="4">
      <t>ヨウシ</t>
    </rPh>
    <rPh sb="5" eb="7">
      <t>キサイ</t>
    </rPh>
    <rPh sb="7" eb="9">
      <t>ナイヨウ</t>
    </rPh>
    <rPh sb="12" eb="14">
      <t>シリツ</t>
    </rPh>
    <rPh sb="14" eb="16">
      <t>ガッコウ</t>
    </rPh>
    <rPh sb="16" eb="18">
      <t>メイボ</t>
    </rPh>
    <rPh sb="19" eb="21">
      <t>サクセイ</t>
    </rPh>
    <rPh sb="22" eb="23">
      <t>サイ</t>
    </rPh>
    <rPh sb="24" eb="26">
      <t>シヨウ</t>
    </rPh>
    <rPh sb="32" eb="34">
      <t>セイカク</t>
    </rPh>
    <rPh sb="35" eb="37">
      <t>キニュウ</t>
    </rPh>
    <phoneticPr fontId="14"/>
  </si>
  <si>
    <t>預かり保育を実施している園へ</t>
    <rPh sb="0" eb="1">
      <t>アズ</t>
    </rPh>
    <rPh sb="3" eb="5">
      <t>ホイク</t>
    </rPh>
    <rPh sb="6" eb="8">
      <t>ジッシ</t>
    </rPh>
    <rPh sb="12" eb="13">
      <t>エン</t>
    </rPh>
    <phoneticPr fontId="2"/>
  </si>
  <si>
    <t>○　教職員名簿の記入にあたっては、以下のことにご留意ください。</t>
    <rPh sb="2" eb="3">
      <t>キョウ</t>
    </rPh>
    <rPh sb="3" eb="5">
      <t>ショクイン</t>
    </rPh>
    <rPh sb="5" eb="7">
      <t>メイボ</t>
    </rPh>
    <rPh sb="8" eb="10">
      <t>キニュウ</t>
    </rPh>
    <rPh sb="17" eb="19">
      <t>イカ</t>
    </rPh>
    <rPh sb="24" eb="26">
      <t>リュウイ</t>
    </rPh>
    <phoneticPr fontId="2"/>
  </si>
  <si>
    <t>注　意</t>
    <rPh sb="0" eb="1">
      <t>チュウ</t>
    </rPh>
    <rPh sb="2" eb="3">
      <t>イ</t>
    </rPh>
    <phoneticPr fontId="2"/>
  </si>
  <si>
    <r>
      <t>私　立　学　校　現　況　調　査　票</t>
    </r>
    <r>
      <rPr>
        <sz val="8"/>
        <rFont val="ＭＳ 明朝"/>
        <family val="1"/>
        <charset val="128"/>
      </rPr>
      <t>（幼稚園用　その１）</t>
    </r>
    <rPh sb="0" eb="1">
      <t>ワタシ</t>
    </rPh>
    <rPh sb="2" eb="3">
      <t>リツ</t>
    </rPh>
    <rPh sb="4" eb="5">
      <t>ガク</t>
    </rPh>
    <rPh sb="6" eb="7">
      <t>コウ</t>
    </rPh>
    <rPh sb="8" eb="9">
      <t>ウツツ</t>
    </rPh>
    <rPh sb="10" eb="11">
      <t>キョウ</t>
    </rPh>
    <rPh sb="12" eb="13">
      <t>チョウ</t>
    </rPh>
    <rPh sb="14" eb="15">
      <t>サ</t>
    </rPh>
    <rPh sb="16" eb="17">
      <t>ヒョウ</t>
    </rPh>
    <rPh sb="18" eb="21">
      <t>ヨウチエン</t>
    </rPh>
    <rPh sb="21" eb="22">
      <t>ヨウ</t>
    </rPh>
    <phoneticPr fontId="2"/>
  </si>
  <si>
    <t>学　級　名</t>
    <rPh sb="0" eb="1">
      <t>ガク</t>
    </rPh>
    <rPh sb="2" eb="3">
      <t>キュウ</t>
    </rPh>
    <rPh sb="4" eb="5">
      <t>メイ</t>
    </rPh>
    <phoneticPr fontId="2"/>
  </si>
  <si>
    <t>年齢</t>
    <rPh sb="0" eb="2">
      <t>ネンレイ</t>
    </rPh>
    <phoneticPr fontId="2"/>
  </si>
  <si>
    <t>計</t>
    <rPh sb="0" eb="1">
      <t>ケイ</t>
    </rPh>
    <phoneticPr fontId="2"/>
  </si>
  <si>
    <t>３　歳　児</t>
    <rPh sb="2" eb="3">
      <t>トシ</t>
    </rPh>
    <rPh sb="4" eb="5">
      <t>ジ</t>
    </rPh>
    <phoneticPr fontId="2"/>
  </si>
  <si>
    <t>４　歳　児</t>
    <rPh sb="2" eb="3">
      <t>トシ</t>
    </rPh>
    <rPh sb="4" eb="5">
      <t>ジ</t>
    </rPh>
    <phoneticPr fontId="2"/>
  </si>
  <si>
    <t>５　歳　児</t>
    <rPh sb="2" eb="3">
      <t>トシ</t>
    </rPh>
    <rPh sb="4" eb="5">
      <t>ジ</t>
    </rPh>
    <phoneticPr fontId="2"/>
  </si>
  <si>
    <t>本年度入園</t>
    <rPh sb="0" eb="3">
      <t>ホンネンド</t>
    </rPh>
    <rPh sb="3" eb="5">
      <t>ニュウエン</t>
    </rPh>
    <phoneticPr fontId="2"/>
  </si>
  <si>
    <t>前年度間入園</t>
    <rPh sb="0" eb="3">
      <t>ゼンネンド</t>
    </rPh>
    <rPh sb="3" eb="4">
      <t>カン</t>
    </rPh>
    <rPh sb="4" eb="6">
      <t>ニュウエン</t>
    </rPh>
    <phoneticPr fontId="2"/>
  </si>
  <si>
    <t>３歳児
入園</t>
    <rPh sb="1" eb="3">
      <t>サイジ</t>
    </rPh>
    <rPh sb="5" eb="7">
      <t>ニュウエン</t>
    </rPh>
    <phoneticPr fontId="2"/>
  </si>
  <si>
    <t>４歳児
入園</t>
    <rPh sb="1" eb="3">
      <t>サイジ</t>
    </rPh>
    <rPh sb="5" eb="7">
      <t>ニュウエン</t>
    </rPh>
    <phoneticPr fontId="2"/>
  </si>
  <si>
    <t xml:space="preserve">　組 </t>
    <rPh sb="1" eb="2">
      <t>クミ</t>
    </rPh>
    <phoneticPr fontId="2"/>
  </si>
  <si>
    <t>単式学級</t>
    <rPh sb="0" eb="2">
      <t>タンシキ</t>
    </rPh>
    <rPh sb="2" eb="4">
      <t>ガッキュウ</t>
    </rPh>
    <phoneticPr fontId="2"/>
  </si>
  <si>
    <t>複式学級</t>
    <rPh sb="0" eb="2">
      <t>フクシキ</t>
    </rPh>
    <rPh sb="2" eb="4">
      <t>ガッキュウ</t>
    </rPh>
    <phoneticPr fontId="2"/>
  </si>
  <si>
    <t>３歳</t>
    <rPh sb="1" eb="2">
      <t>サイ</t>
    </rPh>
    <phoneticPr fontId="2"/>
  </si>
  <si>
    <t>４歳</t>
    <rPh sb="1" eb="2">
      <t>サイ</t>
    </rPh>
    <phoneticPr fontId="2"/>
  </si>
  <si>
    <t>５歳</t>
    <rPh sb="1" eb="2">
      <t>サイ</t>
    </rPh>
    <phoneticPr fontId="2"/>
  </si>
  <si>
    <t>性別</t>
    <rPh sb="0" eb="2">
      <t>セイベツ</t>
    </rPh>
    <phoneticPr fontId="2"/>
  </si>
  <si>
    <t>合計</t>
    <rPh sb="0" eb="2">
      <t>ゴウケイ</t>
    </rPh>
    <phoneticPr fontId="2"/>
  </si>
  <si>
    <t>就学猶予児</t>
    <rPh sb="0" eb="2">
      <t>シュウガク</t>
    </rPh>
    <rPh sb="2" eb="4">
      <t>ユウヨ</t>
    </rPh>
    <rPh sb="4" eb="5">
      <t>ジ</t>
    </rPh>
    <phoneticPr fontId="2"/>
  </si>
  <si>
    <t>人数</t>
    <rPh sb="0" eb="2">
      <t>ニンズウ</t>
    </rPh>
    <phoneticPr fontId="2"/>
  </si>
  <si>
    <t>生まれ</t>
    <rPh sb="0" eb="1">
      <t>ウ</t>
    </rPh>
    <phoneticPr fontId="2"/>
  </si>
  <si>
    <t>人</t>
    <rPh sb="0" eb="1">
      <t>ニン</t>
    </rPh>
    <phoneticPr fontId="2"/>
  </si>
  <si>
    <t>男</t>
    <rPh sb="0" eb="1">
      <t>オトコ</t>
    </rPh>
    <phoneticPr fontId="2"/>
  </si>
  <si>
    <t>女</t>
    <rPh sb="0" eb="1">
      <t>オンナ</t>
    </rPh>
    <phoneticPr fontId="2"/>
  </si>
  <si>
    <t>・就業規則等に基づき、その者が１週間に勤務を要する日数及び時間（実際に勤務した日数・時間ではない）</t>
    <rPh sb="1" eb="3">
      <t>シュウギョウ</t>
    </rPh>
    <rPh sb="3" eb="6">
      <t>キソクトウ</t>
    </rPh>
    <rPh sb="7" eb="8">
      <t>モト</t>
    </rPh>
    <rPh sb="13" eb="14">
      <t>モノ</t>
    </rPh>
    <rPh sb="16" eb="18">
      <t>シュウカン</t>
    </rPh>
    <rPh sb="19" eb="21">
      <t>キンム</t>
    </rPh>
    <rPh sb="22" eb="23">
      <t>ヨウ</t>
    </rPh>
    <rPh sb="25" eb="27">
      <t>ニッスウ</t>
    </rPh>
    <rPh sb="27" eb="28">
      <t>オヨ</t>
    </rPh>
    <rPh sb="29" eb="31">
      <t>ジカン</t>
    </rPh>
    <rPh sb="32" eb="34">
      <t>ジッサイ</t>
    </rPh>
    <rPh sb="35" eb="37">
      <t>キンム</t>
    </rPh>
    <rPh sb="39" eb="41">
      <t>ニッスウ</t>
    </rPh>
    <rPh sb="42" eb="44">
      <t>ジカン</t>
    </rPh>
    <phoneticPr fontId="2"/>
  </si>
  <si>
    <t>　＝拘束時間を記入してください。</t>
    <rPh sb="2" eb="4">
      <t>コウソク</t>
    </rPh>
    <rPh sb="4" eb="6">
      <t>ジカン</t>
    </rPh>
    <rPh sb="7" eb="9">
      <t>キニュウ</t>
    </rPh>
    <phoneticPr fontId="2"/>
  </si>
  <si>
    <t>（上記記入方法のとおり）</t>
    <rPh sb="1" eb="3">
      <t>ジョウキ</t>
    </rPh>
    <rPh sb="3" eb="5">
      <t>キニュウ</t>
    </rPh>
    <rPh sb="5" eb="7">
      <t>ホウホウ</t>
    </rPh>
    <phoneticPr fontId="2"/>
  </si>
  <si>
    <t>・４月分給与を日割計算されるなど減額された教職員や本年５月１日採用など４月分給与が支給</t>
    <rPh sb="2" eb="4">
      <t>ガツブン</t>
    </rPh>
    <rPh sb="4" eb="6">
      <t>キュウヨ</t>
    </rPh>
    <rPh sb="7" eb="9">
      <t>ヒワ</t>
    </rPh>
    <rPh sb="9" eb="11">
      <t>ケイサン</t>
    </rPh>
    <rPh sb="16" eb="18">
      <t>ゲンガク</t>
    </rPh>
    <rPh sb="21" eb="24">
      <t>キョウショクイン</t>
    </rPh>
    <rPh sb="25" eb="27">
      <t>ホンネン</t>
    </rPh>
    <rPh sb="28" eb="29">
      <t>ガツ</t>
    </rPh>
    <rPh sb="30" eb="31">
      <t>ニチ</t>
    </rPh>
    <rPh sb="31" eb="33">
      <t>サイヨウ</t>
    </rPh>
    <rPh sb="36" eb="38">
      <t>ガツブン</t>
    </rPh>
    <rPh sb="38" eb="40">
      <t>キュウヨ</t>
    </rPh>
    <rPh sb="41" eb="43">
      <t>シキュウ</t>
    </rPh>
    <phoneticPr fontId="2"/>
  </si>
  <si>
    <t>　されていない教職員にあっては、５月分支給予定額を記入してください。</t>
    <rPh sb="7" eb="10">
      <t>キョウショクイン</t>
    </rPh>
    <rPh sb="17" eb="19">
      <t>ガツブン</t>
    </rPh>
    <rPh sb="19" eb="21">
      <t>シキュウ</t>
    </rPh>
    <rPh sb="21" eb="23">
      <t>ヨテイ</t>
    </rPh>
    <rPh sb="23" eb="24">
      <t>ガク</t>
    </rPh>
    <rPh sb="25" eb="27">
      <t>キニュウ</t>
    </rPh>
    <phoneticPr fontId="2"/>
  </si>
  <si>
    <t>02</t>
    <phoneticPr fontId="2"/>
  </si>
  <si>
    <t>保育士資格</t>
    <rPh sb="0" eb="3">
      <t>ホイクシ</t>
    </rPh>
    <rPh sb="3" eb="5">
      <t>シカク</t>
    </rPh>
    <phoneticPr fontId="2"/>
  </si>
  <si>
    <t>（３）新規教職員名簿に記載された者は、教職員名簿に（１）もしくは（２）の内容を記入す</t>
    <rPh sb="3" eb="5">
      <t>シンキ</t>
    </rPh>
    <rPh sb="5" eb="8">
      <t>キョウショクイン</t>
    </rPh>
    <rPh sb="8" eb="10">
      <t>メイボ</t>
    </rPh>
    <rPh sb="11" eb="13">
      <t>キサイ</t>
    </rPh>
    <rPh sb="16" eb="17">
      <t>モノ</t>
    </rPh>
    <rPh sb="19" eb="22">
      <t>キョウショクイン</t>
    </rPh>
    <rPh sb="22" eb="24">
      <t>メイボ</t>
    </rPh>
    <rPh sb="36" eb="38">
      <t>ナイヨウ</t>
    </rPh>
    <rPh sb="39" eb="41">
      <t>キニュウ</t>
    </rPh>
    <phoneticPr fontId="2"/>
  </si>
  <si>
    <t>　　るとともに、教員免許状もしくは保育士証または保育士となる資格を証明する書類の写し</t>
    <rPh sb="8" eb="10">
      <t>キョウイン</t>
    </rPh>
    <rPh sb="10" eb="13">
      <t>メンキョジョウ</t>
    </rPh>
    <rPh sb="17" eb="20">
      <t>ホイクシ</t>
    </rPh>
    <rPh sb="20" eb="21">
      <t>ショウ</t>
    </rPh>
    <phoneticPr fontId="2"/>
  </si>
  <si>
    <t>（１）今年度新たに預かり保育の専任教員となり、教職員名簿訂正用の「教員免許状」欄が</t>
    <rPh sb="3" eb="6">
      <t>コンネンド</t>
    </rPh>
    <rPh sb="6" eb="7">
      <t>アラ</t>
    </rPh>
    <rPh sb="9" eb="10">
      <t>アズ</t>
    </rPh>
    <rPh sb="12" eb="14">
      <t>ホイク</t>
    </rPh>
    <rPh sb="15" eb="17">
      <t>センニン</t>
    </rPh>
    <rPh sb="17" eb="19">
      <t>キョウイン</t>
    </rPh>
    <rPh sb="23" eb="24">
      <t>キョウ</t>
    </rPh>
    <rPh sb="24" eb="26">
      <t>ショクイン</t>
    </rPh>
    <rPh sb="26" eb="28">
      <t>メイボ</t>
    </rPh>
    <rPh sb="28" eb="30">
      <t>テイセイ</t>
    </rPh>
    <rPh sb="30" eb="31">
      <t>ヨウ</t>
    </rPh>
    <rPh sb="33" eb="35">
      <t>キョウイン</t>
    </rPh>
    <rPh sb="35" eb="38">
      <t>メンキョジョウ</t>
    </rPh>
    <rPh sb="39" eb="40">
      <t>ラン</t>
    </rPh>
    <phoneticPr fontId="2"/>
  </si>
  <si>
    <t>計の内訳(再掲)</t>
    <rPh sb="0" eb="1">
      <t>ケイ</t>
    </rPh>
    <rPh sb="2" eb="4">
      <t>ウチワケ</t>
    </rPh>
    <rPh sb="5" eb="7">
      <t>サイケイ</t>
    </rPh>
    <phoneticPr fontId="2"/>
  </si>
  <si>
    <t>※学校基本調査票（抜粋）</t>
    <rPh sb="1" eb="3">
      <t>ガッコウ</t>
    </rPh>
    <rPh sb="3" eb="5">
      <t>キホン</t>
    </rPh>
    <rPh sb="5" eb="8">
      <t>チョウサヒョウ</t>
    </rPh>
    <rPh sb="9" eb="11">
      <t>バッスイ</t>
    </rPh>
    <phoneticPr fontId="2"/>
  </si>
  <si>
    <t>副園長</t>
    <rPh sb="0" eb="3">
      <t>フクエンチョウ</t>
    </rPh>
    <phoneticPr fontId="2"/>
  </si>
  <si>
    <t>主幹教諭</t>
    <rPh sb="0" eb="2">
      <t>シュカン</t>
    </rPh>
    <rPh sb="2" eb="4">
      <t>キョウユ</t>
    </rPh>
    <phoneticPr fontId="2"/>
  </si>
  <si>
    <t>指導教諭</t>
    <rPh sb="0" eb="2">
      <t>シドウ</t>
    </rPh>
    <rPh sb="2" eb="4">
      <t>キョウユ</t>
    </rPh>
    <phoneticPr fontId="2"/>
  </si>
  <si>
    <t>中２種</t>
    <rPh sb="0" eb="1">
      <t>チュウ</t>
    </rPh>
    <rPh sb="2" eb="3">
      <t>シュ</t>
    </rPh>
    <phoneticPr fontId="2"/>
  </si>
  <si>
    <t>23</t>
    <phoneticPr fontId="2"/>
  </si>
  <si>
    <t>小２種</t>
    <rPh sb="0" eb="1">
      <t>ショウ</t>
    </rPh>
    <rPh sb="2" eb="3">
      <t>シュ</t>
    </rPh>
    <phoneticPr fontId="2"/>
  </si>
  <si>
    <t>33</t>
    <phoneticPr fontId="2"/>
  </si>
  <si>
    <t>15</t>
    <phoneticPr fontId="2"/>
  </si>
  <si>
    <t>17</t>
    <phoneticPr fontId="2"/>
  </si>
  <si>
    <t>14</t>
    <phoneticPr fontId="2"/>
  </si>
  <si>
    <t>13</t>
    <phoneticPr fontId="2"/>
  </si>
  <si>
    <r>
      <t xml:space="preserve">教諭
</t>
    </r>
    <r>
      <rPr>
        <sz val="6"/>
        <rFont val="ＭＳ 明朝"/>
        <family val="1"/>
        <charset val="128"/>
      </rPr>
      <t>(主幹教諭・指導教諭を含む)</t>
    </r>
    <rPh sb="0" eb="2">
      <t>キョウユ</t>
    </rPh>
    <rPh sb="4" eb="6">
      <t>シュカン</t>
    </rPh>
    <rPh sb="6" eb="8">
      <t>キョウユ</t>
    </rPh>
    <rPh sb="9" eb="11">
      <t>シドウ</t>
    </rPh>
    <rPh sb="11" eb="13">
      <t>キョウユ</t>
    </rPh>
    <rPh sb="14" eb="15">
      <t>フク</t>
    </rPh>
    <phoneticPr fontId="2"/>
  </si>
  <si>
    <t>１</t>
    <phoneticPr fontId="2"/>
  </si>
  <si>
    <t>１０</t>
    <phoneticPr fontId="2"/>
  </si>
  <si>
    <t>19</t>
    <phoneticPr fontId="2"/>
  </si>
  <si>
    <t>20</t>
    <phoneticPr fontId="2"/>
  </si>
  <si>
    <t>・新採用、中途採用者の場合は特に注意してください。</t>
    <rPh sb="1" eb="2">
      <t>シン</t>
    </rPh>
    <rPh sb="2" eb="4">
      <t>サイヨウ</t>
    </rPh>
    <rPh sb="5" eb="7">
      <t>チュウト</t>
    </rPh>
    <rPh sb="7" eb="10">
      <t>サイヨウシャ</t>
    </rPh>
    <rPh sb="11" eb="13">
      <t>バアイ</t>
    </rPh>
    <rPh sb="14" eb="15">
      <t>トク</t>
    </rPh>
    <rPh sb="16" eb="18">
      <t>チュウイ</t>
    </rPh>
    <phoneticPr fontId="2"/>
  </si>
  <si>
    <t>　「合計」については、原則として本年４月に支給した実績額を給与台帳から転記してください。</t>
    <rPh sb="2" eb="4">
      <t>ゴウケイ</t>
    </rPh>
    <rPh sb="11" eb="13">
      <t>ゲンソク</t>
    </rPh>
    <rPh sb="16" eb="18">
      <t>ホンネン</t>
    </rPh>
    <rPh sb="19" eb="20">
      <t>ガツ</t>
    </rPh>
    <rPh sb="21" eb="23">
      <t>シキュウ</t>
    </rPh>
    <rPh sb="25" eb="28">
      <t>ジッセキガク</t>
    </rPh>
    <rPh sb="29" eb="31">
      <t>キュウヨ</t>
    </rPh>
    <rPh sb="31" eb="33">
      <t>ダイチョウ</t>
    </rPh>
    <rPh sb="35" eb="37">
      <t>テンキ</t>
    </rPh>
    <phoneticPr fontId="2"/>
  </si>
  <si>
    <t>　　　数ヶ月ごとに支給している場合は、月数で按分して４月相当分を記入してください。また、按</t>
    <rPh sb="3" eb="6">
      <t>スウカゲツ</t>
    </rPh>
    <rPh sb="9" eb="11">
      <t>シキュウ</t>
    </rPh>
    <rPh sb="15" eb="17">
      <t>バアイ</t>
    </rPh>
    <rPh sb="19" eb="21">
      <t>ゲッスウ</t>
    </rPh>
    <rPh sb="22" eb="24">
      <t>アンブン</t>
    </rPh>
    <rPh sb="27" eb="28">
      <t>ガツ</t>
    </rPh>
    <rPh sb="28" eb="31">
      <t>ソウトウブン</t>
    </rPh>
    <rPh sb="32" eb="34">
      <t>キニュウ</t>
    </rPh>
    <phoneticPr fontId="2"/>
  </si>
  <si>
    <r>
      <t xml:space="preserve">４歳児
</t>
    </r>
    <r>
      <rPr>
        <sz val="8"/>
        <rFont val="ＭＳ 明朝"/>
        <family val="1"/>
        <charset val="128"/>
      </rPr>
      <t>(本年度)</t>
    </r>
    <r>
      <rPr>
        <sz val="12"/>
        <rFont val="ＭＳ 明朝"/>
        <family val="1"/>
        <charset val="128"/>
      </rPr>
      <t xml:space="preserve">
入園</t>
    </r>
    <rPh sb="1" eb="3">
      <t>サイジ</t>
    </rPh>
    <rPh sb="5" eb="8">
      <t>ホンネンド</t>
    </rPh>
    <rPh sb="10" eb="12">
      <t>ニュウエン</t>
    </rPh>
    <phoneticPr fontId="2"/>
  </si>
  <si>
    <r>
      <t xml:space="preserve">５歳児
</t>
    </r>
    <r>
      <rPr>
        <sz val="8"/>
        <rFont val="ＭＳ 明朝"/>
        <family val="1"/>
        <charset val="128"/>
      </rPr>
      <t>(本年度)</t>
    </r>
    <r>
      <rPr>
        <sz val="12"/>
        <rFont val="ＭＳ 明朝"/>
        <family val="1"/>
        <charset val="128"/>
      </rPr>
      <t xml:space="preserve">
入園</t>
    </r>
    <rPh sb="1" eb="3">
      <t>サイジ</t>
    </rPh>
    <rPh sb="10" eb="12">
      <t>ニュウエン</t>
    </rPh>
    <phoneticPr fontId="2"/>
  </si>
  <si>
    <t>　の総支給金額の計（⑦）の欄に記載されている額をそのまま転記してください。</t>
    <rPh sb="2" eb="3">
      <t>ソウ</t>
    </rPh>
    <rPh sb="3" eb="5">
      <t>シキュウ</t>
    </rPh>
    <rPh sb="5" eb="7">
      <t>キンガク</t>
    </rPh>
    <rPh sb="8" eb="9">
      <t>ケイ</t>
    </rPh>
    <rPh sb="13" eb="14">
      <t>ラン</t>
    </rPh>
    <rPh sb="15" eb="17">
      <t>キサイ</t>
    </rPh>
    <rPh sb="22" eb="23">
      <t>ガク</t>
    </rPh>
    <rPh sb="28" eb="30">
      <t>テンキ</t>
    </rPh>
    <phoneticPr fontId="2"/>
  </si>
  <si>
    <t>カード
番　号</t>
    <rPh sb="4" eb="5">
      <t>バン</t>
    </rPh>
    <rPh sb="6" eb="7">
      <t>ゴウ</t>
    </rPh>
    <phoneticPr fontId="2"/>
  </si>
  <si>
    <t>Ａ</t>
    <phoneticPr fontId="2"/>
  </si>
  <si>
    <t>Ｈ</t>
    <phoneticPr fontId="2"/>
  </si>
  <si>
    <t>○ 記入上の注意</t>
    <phoneticPr fontId="2"/>
  </si>
  <si>
    <t>（２）「２　年齢別・入園年次別在園児数」のうち、就学猶予児は園児数の中から</t>
    <phoneticPr fontId="2"/>
  </si>
  <si>
    <t>（３）園児数は、就学猶予児がいる場合を除き、学校基本調査の園児数と一致し</t>
    <phoneticPr fontId="2"/>
  </si>
  <si>
    <t>　　　した上で、ご記入ください。</t>
    <phoneticPr fontId="2"/>
  </si>
  <si>
    <t xml:space="preserve">    　ます。学校基本調査の「10　学級別年齢別在園者数」の園児数との照合を</t>
    <phoneticPr fontId="2"/>
  </si>
  <si>
    <t xml:space="preserve">    　除いて、就学猶予児欄に記入してください。</t>
    <phoneticPr fontId="2"/>
  </si>
  <si>
    <t xml:space="preserve">    　ごとに作成してください。</t>
    <phoneticPr fontId="2"/>
  </si>
  <si>
    <t>１　預かり保育の専任担当教員がいる場合は、必ず教職員名簿に記入してください。</t>
    <rPh sb="2" eb="3">
      <t>アズ</t>
    </rPh>
    <rPh sb="5" eb="7">
      <t>ホイク</t>
    </rPh>
    <rPh sb="8" eb="10">
      <t>センニン</t>
    </rPh>
    <rPh sb="10" eb="12">
      <t>タントウ</t>
    </rPh>
    <rPh sb="12" eb="14">
      <t>キョウイン</t>
    </rPh>
    <rPh sb="17" eb="19">
      <t>バアイ</t>
    </rPh>
    <rPh sb="21" eb="22">
      <t>カナラ</t>
    </rPh>
    <rPh sb="23" eb="24">
      <t>キョウ</t>
    </rPh>
    <rPh sb="24" eb="26">
      <t>ショクイン</t>
    </rPh>
    <rPh sb="26" eb="28">
      <t>メイボ</t>
    </rPh>
    <rPh sb="29" eb="31">
      <t>キニュウ</t>
    </rPh>
    <phoneticPr fontId="2"/>
  </si>
  <si>
    <t>　非常勤の専任教員（パート含む）も同様に記載してください。</t>
    <rPh sb="1" eb="4">
      <t>ヒジョウキン</t>
    </rPh>
    <rPh sb="5" eb="7">
      <t>センニン</t>
    </rPh>
    <rPh sb="7" eb="9">
      <t>キョウイン</t>
    </rPh>
    <rPh sb="13" eb="14">
      <t>フク</t>
    </rPh>
    <rPh sb="17" eb="19">
      <t>ドウヨウ</t>
    </rPh>
    <rPh sb="20" eb="22">
      <t>キサイ</t>
    </rPh>
    <phoneticPr fontId="2"/>
  </si>
  <si>
    <t>　＊　預かり保育の専任担当教員とは、教員免許状（種類は問わない）もしくは保育士証</t>
    <rPh sb="3" eb="4">
      <t>アズ</t>
    </rPh>
    <rPh sb="6" eb="8">
      <t>ホイク</t>
    </rPh>
    <rPh sb="9" eb="11">
      <t>センニン</t>
    </rPh>
    <rPh sb="11" eb="13">
      <t>タントウ</t>
    </rPh>
    <rPh sb="13" eb="15">
      <t>キョウイン</t>
    </rPh>
    <rPh sb="18" eb="20">
      <t>キョウイン</t>
    </rPh>
    <rPh sb="20" eb="23">
      <t>メンキョジョウ</t>
    </rPh>
    <rPh sb="24" eb="26">
      <t>シュルイ</t>
    </rPh>
    <rPh sb="27" eb="28">
      <t>ト</t>
    </rPh>
    <rPh sb="36" eb="39">
      <t>ホイクシ</t>
    </rPh>
    <rPh sb="39" eb="40">
      <t>ショウ</t>
    </rPh>
    <phoneticPr fontId="2"/>
  </si>
  <si>
    <t>・教員免許と保育士資格の両方を所持している場合は、教員免許を記載してください。</t>
    <rPh sb="1" eb="3">
      <t>キョウイン</t>
    </rPh>
    <rPh sb="3" eb="5">
      <t>メンキョ</t>
    </rPh>
    <rPh sb="6" eb="9">
      <t>ホイクシ</t>
    </rPh>
    <rPh sb="9" eb="11">
      <t>シカク</t>
    </rPh>
    <rPh sb="12" eb="14">
      <t>リョウホウ</t>
    </rPh>
    <rPh sb="21" eb="23">
      <t>バアイ</t>
    </rPh>
    <rPh sb="25" eb="26">
      <t>キョウ</t>
    </rPh>
    <rPh sb="26" eb="27">
      <t>イン</t>
    </rPh>
    <rPh sb="27" eb="29">
      <t>メンキョ</t>
    </rPh>
    <rPh sb="30" eb="32">
      <t>キサイ</t>
    </rPh>
    <phoneticPr fontId="2"/>
  </si>
  <si>
    <t>・預かり保育の専任担当教員が保育士資格のみを所持している場合は、保育士証の登録状況を記載して下さい。</t>
    <rPh sb="1" eb="2">
      <t>アズ</t>
    </rPh>
    <rPh sb="4" eb="6">
      <t>ホイク</t>
    </rPh>
    <rPh sb="7" eb="9">
      <t>センニン</t>
    </rPh>
    <rPh sb="9" eb="11">
      <t>タントウ</t>
    </rPh>
    <rPh sb="11" eb="13">
      <t>キョウイン</t>
    </rPh>
    <rPh sb="14" eb="16">
      <t>ホイク</t>
    </rPh>
    <rPh sb="16" eb="17">
      <t>シ</t>
    </rPh>
    <rPh sb="17" eb="19">
      <t>シカク</t>
    </rPh>
    <rPh sb="28" eb="30">
      <t>バアイ</t>
    </rPh>
    <rPh sb="32" eb="35">
      <t>ホイクシ</t>
    </rPh>
    <rPh sb="35" eb="36">
      <t>ショウ</t>
    </rPh>
    <rPh sb="37" eb="39">
      <t>トウロク</t>
    </rPh>
    <rPh sb="39" eb="41">
      <t>ジョウキョウ</t>
    </rPh>
    <rPh sb="42" eb="44">
      <t>キサイ</t>
    </rPh>
    <rPh sb="46" eb="47">
      <t>クダ</t>
    </rPh>
    <phoneticPr fontId="2"/>
  </si>
  <si>
    <t>花</t>
    <rPh sb="0" eb="1">
      <t>ハナ</t>
    </rPh>
    <phoneticPr fontId="2"/>
  </si>
  <si>
    <t>子</t>
    <rPh sb="0" eb="1">
      <t>コ</t>
    </rPh>
    <phoneticPr fontId="2"/>
  </si>
  <si>
    <t>ハ</t>
    <phoneticPr fontId="2"/>
  </si>
  <si>
    <t>ナ</t>
    <phoneticPr fontId="2"/>
  </si>
  <si>
    <t>コ</t>
    <phoneticPr fontId="2"/>
  </si>
  <si>
    <t>△△幼稚園</t>
    <rPh sb="2" eb="5">
      <t>ヨウチエン</t>
    </rPh>
    <phoneticPr fontId="2"/>
  </si>
  <si>
    <t>休　職　等</t>
    <rPh sb="0" eb="1">
      <t>キュウ</t>
    </rPh>
    <rPh sb="2" eb="3">
      <t>ショク</t>
    </rPh>
    <rPh sb="4" eb="5">
      <t>トウ</t>
    </rPh>
    <phoneticPr fontId="2"/>
  </si>
  <si>
    <t>・「講師」とは幼稚園教諭・幼稚園助教諭又は養護教諭・養護助教諭の免許を所持する者をいいます。</t>
    <rPh sb="2" eb="4">
      <t>コウシ</t>
    </rPh>
    <rPh sb="7" eb="10">
      <t>ヨウチエン</t>
    </rPh>
    <rPh sb="10" eb="12">
      <t>キョウユ</t>
    </rPh>
    <rPh sb="13" eb="16">
      <t>ヨウチエン</t>
    </rPh>
    <rPh sb="16" eb="19">
      <t>ジョキョウユ</t>
    </rPh>
    <rPh sb="19" eb="20">
      <t>マタ</t>
    </rPh>
    <rPh sb="21" eb="23">
      <t>ヨウゴ</t>
    </rPh>
    <rPh sb="23" eb="25">
      <t>キョウユ</t>
    </rPh>
    <rPh sb="26" eb="28">
      <t>ヨウゴ</t>
    </rPh>
    <rPh sb="28" eb="31">
      <t>ジョキョウユ</t>
    </rPh>
    <rPh sb="32" eb="34">
      <t>メンキョ</t>
    </rPh>
    <rPh sb="35" eb="37">
      <t>ショジ</t>
    </rPh>
    <rPh sb="39" eb="40">
      <t>シャ</t>
    </rPh>
    <phoneticPr fontId="2"/>
  </si>
  <si>
    <t>　なお、組合員番号欄には私学共済に加入している場合のみ記号番号を記入してください。</t>
    <rPh sb="4" eb="7">
      <t>クミアイイン</t>
    </rPh>
    <rPh sb="7" eb="9">
      <t>バンゴウ</t>
    </rPh>
    <rPh sb="9" eb="10">
      <t>ラン</t>
    </rPh>
    <rPh sb="12" eb="14">
      <t>シガク</t>
    </rPh>
    <rPh sb="14" eb="16">
      <t>キョウサイ</t>
    </rPh>
    <rPh sb="17" eb="19">
      <t>カニュウ</t>
    </rPh>
    <rPh sb="23" eb="25">
      <t>バアイ</t>
    </rPh>
    <rPh sb="27" eb="29">
      <t>キゴウ</t>
    </rPh>
    <rPh sb="29" eb="31">
      <t>バンゴウ</t>
    </rPh>
    <phoneticPr fontId="2"/>
  </si>
  <si>
    <t>　また、共済加入申請中の場合は、「申請中」と鉛筆で記入してください。</t>
    <rPh sb="19" eb="20">
      <t>チュウ</t>
    </rPh>
    <rPh sb="22" eb="24">
      <t>エンピツ</t>
    </rPh>
    <rPh sb="25" eb="27">
      <t>キニュウ</t>
    </rPh>
    <phoneticPr fontId="2"/>
  </si>
  <si>
    <t>・設置者が異なる２つ以上の学校に勤務している場合はいずれも非常勤となります。</t>
    <rPh sb="10" eb="12">
      <t>イジョウ</t>
    </rPh>
    <rPh sb="13" eb="15">
      <t>ガッコウ</t>
    </rPh>
    <rPh sb="16" eb="18">
      <t>キンム</t>
    </rPh>
    <rPh sb="22" eb="24">
      <t>バアイ</t>
    </rPh>
    <rPh sb="29" eb="32">
      <t>ヒジョウキン</t>
    </rPh>
    <phoneticPr fontId="2"/>
  </si>
  <si>
    <t>　　児休業者並びに産休代替者及び育児休業代替者を含む）。</t>
    <rPh sb="14" eb="15">
      <t>オヨ</t>
    </rPh>
    <rPh sb="16" eb="18">
      <t>イクジ</t>
    </rPh>
    <rPh sb="18" eb="20">
      <t>キュウギョウ</t>
    </rPh>
    <rPh sb="20" eb="22">
      <t>ダイタイ</t>
    </rPh>
    <rPh sb="22" eb="23">
      <t>シャ</t>
    </rPh>
    <rPh sb="24" eb="25">
      <t>フク</t>
    </rPh>
    <phoneticPr fontId="2"/>
  </si>
  <si>
    <r>
      <t>　　</t>
    </r>
    <r>
      <rPr>
        <u/>
        <sz val="9"/>
        <rFont val="ＭＳ 明朝"/>
        <family val="1"/>
        <charset val="128"/>
      </rPr>
      <t>学校の休業日以外及び就業規則等に定める就業時間内は、常時勤務を要する者</t>
    </r>
    <r>
      <rPr>
        <sz val="9"/>
        <rFont val="ＭＳ 明朝"/>
        <family val="1"/>
        <charset val="128"/>
      </rPr>
      <t>（休職者及び育</t>
    </r>
    <rPh sb="2" eb="4">
      <t>ガッコウ</t>
    </rPh>
    <rPh sb="5" eb="8">
      <t>キュウギョウビ</t>
    </rPh>
    <rPh sb="8" eb="10">
      <t>イガイ</t>
    </rPh>
    <rPh sb="10" eb="11">
      <t>オヨ</t>
    </rPh>
    <rPh sb="12" eb="14">
      <t>シュウギョウ</t>
    </rPh>
    <rPh sb="14" eb="16">
      <t>キソク</t>
    </rPh>
    <rPh sb="16" eb="17">
      <t>トウ</t>
    </rPh>
    <rPh sb="18" eb="19">
      <t>サダ</t>
    </rPh>
    <rPh sb="21" eb="23">
      <t>シュウギョウ</t>
    </rPh>
    <rPh sb="23" eb="25">
      <t>ジカン</t>
    </rPh>
    <rPh sb="25" eb="26">
      <t>ナイ</t>
    </rPh>
    <rPh sb="28" eb="30">
      <t>ジョウジ</t>
    </rPh>
    <rPh sb="30" eb="32">
      <t>キンム</t>
    </rPh>
    <rPh sb="33" eb="34">
      <t>ヨウ</t>
    </rPh>
    <rPh sb="36" eb="37">
      <t>モノ</t>
    </rPh>
    <rPh sb="38" eb="40">
      <t>キュウショク</t>
    </rPh>
    <rPh sb="40" eb="41">
      <t>シャ</t>
    </rPh>
    <rPh sb="41" eb="42">
      <t>オヨ</t>
    </rPh>
    <rPh sb="43" eb="44">
      <t>イク</t>
    </rPh>
    <phoneticPr fontId="2"/>
  </si>
  <si>
    <t>・「採用年月日」は、当該幼稚園に勤務し始めた年月日ではなく、当該幼稚園の設置者（学校法人、</t>
    <rPh sb="2" eb="4">
      <t>サイヨウ</t>
    </rPh>
    <rPh sb="4" eb="7">
      <t>ネンガッピ</t>
    </rPh>
    <rPh sb="10" eb="12">
      <t>トウガイ</t>
    </rPh>
    <rPh sb="12" eb="15">
      <t>ヨウチエン</t>
    </rPh>
    <rPh sb="16" eb="18">
      <t>キンム</t>
    </rPh>
    <rPh sb="19" eb="20">
      <t>ハジ</t>
    </rPh>
    <rPh sb="22" eb="25">
      <t>ネンガッピ</t>
    </rPh>
    <rPh sb="30" eb="32">
      <t>トウガイ</t>
    </rPh>
    <rPh sb="32" eb="35">
      <t>ヨウチエン</t>
    </rPh>
    <rPh sb="36" eb="38">
      <t>セッチ</t>
    </rPh>
    <rPh sb="38" eb="39">
      <t>シャ</t>
    </rPh>
    <rPh sb="40" eb="42">
      <t>ガッコウ</t>
    </rPh>
    <rPh sb="42" eb="44">
      <t>ホウジン</t>
    </rPh>
    <phoneticPr fontId="2"/>
  </si>
  <si>
    <t>　個人等）が採用した日を、「生年月日」と同様に記入してください。</t>
    <rPh sb="10" eb="11">
      <t>ヒ</t>
    </rPh>
    <rPh sb="14" eb="16">
      <t>セイネン</t>
    </rPh>
    <rPh sb="16" eb="18">
      <t>ガッピ</t>
    </rPh>
    <rPh sb="20" eb="22">
      <t>ドウヨウ</t>
    </rPh>
    <rPh sb="23" eb="25">
      <t>キニュウ</t>
    </rPh>
    <phoneticPr fontId="2"/>
  </si>
  <si>
    <t>・税制上非課税の扱いを受ける通勤手当相当額は、この中に含めないでください。</t>
    <rPh sb="1" eb="4">
      <t>ゼイセイジョウ</t>
    </rPh>
    <rPh sb="4" eb="7">
      <t>ヒカゼイ</t>
    </rPh>
    <rPh sb="8" eb="9">
      <t>アツカ</t>
    </rPh>
    <rPh sb="11" eb="12">
      <t>ウ</t>
    </rPh>
    <rPh sb="14" eb="16">
      <t>ツウキン</t>
    </rPh>
    <rPh sb="16" eb="18">
      <t>テアテ</t>
    </rPh>
    <rPh sb="18" eb="21">
      <t>ソウトウガク</t>
    </rPh>
    <rPh sb="25" eb="26">
      <t>ナカ</t>
    </rPh>
    <rPh sb="27" eb="28">
      <t>フク</t>
    </rPh>
    <phoneticPr fontId="2"/>
  </si>
  <si>
    <t>　　または保育士となる資格を証明する書類を所持している者に限ります。</t>
    <rPh sb="27" eb="28">
      <t>シャ</t>
    </rPh>
    <rPh sb="29" eb="30">
      <t>カギ</t>
    </rPh>
    <phoneticPr fontId="2"/>
  </si>
  <si>
    <t>　　なお、教員免許状所持者は、教員免許状の確認があれば、保育士資格の確認は不要です。</t>
    <rPh sb="15" eb="17">
      <t>キョウイン</t>
    </rPh>
    <rPh sb="17" eb="19">
      <t>メンキョ</t>
    </rPh>
    <rPh sb="19" eb="20">
      <t>ジョウ</t>
    </rPh>
    <rPh sb="21" eb="23">
      <t>カクニン</t>
    </rPh>
    <rPh sb="28" eb="31">
      <t>ホイクシ</t>
    </rPh>
    <rPh sb="31" eb="33">
      <t>シカク</t>
    </rPh>
    <rPh sb="34" eb="36">
      <t>カクニン</t>
    </rPh>
    <phoneticPr fontId="2"/>
  </si>
  <si>
    <t>２　専任担当教員がいない場合（学級担任教員の交代のみで従事する場合など）は、記載</t>
    <rPh sb="2" eb="4">
      <t>センニン</t>
    </rPh>
    <rPh sb="4" eb="6">
      <t>タントウ</t>
    </rPh>
    <rPh sb="6" eb="8">
      <t>キョウイン</t>
    </rPh>
    <rPh sb="12" eb="14">
      <t>バアイ</t>
    </rPh>
    <rPh sb="15" eb="17">
      <t>ガッキュウ</t>
    </rPh>
    <rPh sb="17" eb="19">
      <t>タンニン</t>
    </rPh>
    <rPh sb="19" eb="21">
      <t>キョウイン</t>
    </rPh>
    <rPh sb="22" eb="24">
      <t>コウタイ</t>
    </rPh>
    <rPh sb="27" eb="29">
      <t>ジュウジ</t>
    </rPh>
    <rPh sb="31" eb="33">
      <t>バアイ</t>
    </rPh>
    <rPh sb="38" eb="40">
      <t>キサイ</t>
    </rPh>
    <phoneticPr fontId="2"/>
  </si>
  <si>
    <t>　する必要はありません。</t>
    <phoneticPr fontId="2"/>
  </si>
  <si>
    <t>（２）保育士資格のみ所持する者については、免許状欄に「保育士資格コード(51)」を記入</t>
    <rPh sb="3" eb="6">
      <t>ホイクシ</t>
    </rPh>
    <rPh sb="6" eb="8">
      <t>シカク</t>
    </rPh>
    <rPh sb="10" eb="12">
      <t>ショジ</t>
    </rPh>
    <rPh sb="14" eb="15">
      <t>モノ</t>
    </rPh>
    <rPh sb="21" eb="24">
      <t>メンキョジョウ</t>
    </rPh>
    <rPh sb="24" eb="25">
      <t>ラン</t>
    </rPh>
    <rPh sb="27" eb="30">
      <t>ホイクシ</t>
    </rPh>
    <rPh sb="30" eb="32">
      <t>シカク</t>
    </rPh>
    <rPh sb="41" eb="43">
      <t>キニュウ</t>
    </rPh>
    <phoneticPr fontId="2"/>
  </si>
  <si>
    <t>　　さい。</t>
    <phoneticPr fontId="2"/>
  </si>
  <si>
    <t>　　空欄である者については、所持している免許等の資格について「教員免許状の種類」欄</t>
    <rPh sb="2" eb="4">
      <t>クウラン</t>
    </rPh>
    <rPh sb="7" eb="8">
      <t>モノ</t>
    </rPh>
    <rPh sb="20" eb="22">
      <t>メンキョ</t>
    </rPh>
    <rPh sb="22" eb="23">
      <t>トウ</t>
    </rPh>
    <rPh sb="24" eb="26">
      <t>シカク</t>
    </rPh>
    <rPh sb="31" eb="33">
      <t>キョウイン</t>
    </rPh>
    <rPh sb="33" eb="36">
      <t>メンキョジョウ</t>
    </rPh>
    <rPh sb="37" eb="39">
      <t>シュルイ</t>
    </rPh>
    <rPh sb="40" eb="41">
      <t>ラン</t>
    </rPh>
    <phoneticPr fontId="2"/>
  </si>
  <si>
    <t>私立幼稚園教職員名簿(訂正用)記入上の注意</t>
    <phoneticPr fontId="2"/>
  </si>
  <si>
    <t>３・４
歳</t>
    <rPh sb="4" eb="5">
      <t>サイ</t>
    </rPh>
    <phoneticPr fontId="2"/>
  </si>
  <si>
    <t>４・５
歳</t>
    <rPh sb="4" eb="5">
      <t>サイ</t>
    </rPh>
    <phoneticPr fontId="2"/>
  </si>
  <si>
    <r>
      <t>3･4･5</t>
    </r>
    <r>
      <rPr>
        <sz val="12"/>
        <rFont val="ＭＳ 明朝"/>
        <family val="1"/>
        <charset val="128"/>
      </rPr>
      <t xml:space="preserve">
</t>
    </r>
    <r>
      <rPr>
        <sz val="12"/>
        <rFont val="ＭＳ 明朝"/>
        <family val="1"/>
        <charset val="128"/>
      </rPr>
      <t>歳</t>
    </r>
    <rPh sb="6" eb="7">
      <t>サイ</t>
    </rPh>
    <phoneticPr fontId="2"/>
  </si>
  <si>
    <t>数名の教員が２学級以上の指導にあたっている</t>
  </si>
  <si>
    <t>グループ単位での教育を行っている</t>
  </si>
  <si>
    <t>複数教員が学級の担任となっている</t>
  </si>
  <si>
    <t>私 立 学 校 現 況 調 査 票</t>
    <phoneticPr fontId="14"/>
  </si>
  <si>
    <t>（幼稚園用　その２）</t>
    <phoneticPr fontId="14"/>
  </si>
  <si>
    <t>幼　　 稚 　　園　 　名</t>
    <phoneticPr fontId="14"/>
  </si>
  <si>
    <t>回答欄</t>
    <phoneticPr fontId="14"/>
  </si>
  <si>
    <t>・実施状況について</t>
    <rPh sb="1" eb="3">
      <t>ジッシ</t>
    </rPh>
    <rPh sb="3" eb="5">
      <t>ジョウキョウ</t>
    </rPh>
    <phoneticPr fontId="14"/>
  </si>
  <si>
    <t>(1)実施していない。</t>
    <rPh sb="3" eb="5">
      <t>ジッシ</t>
    </rPh>
    <phoneticPr fontId="14"/>
  </si>
  <si>
    <t>　ご回答ください。</t>
    <rPh sb="2" eb="4">
      <t>カイトウ</t>
    </rPh>
    <phoneticPr fontId="14"/>
  </si>
  <si>
    <t>(2)実施している。</t>
    <rPh sb="3" eb="5">
      <t>ジッシ</t>
    </rPh>
    <phoneticPr fontId="14"/>
  </si>
  <si>
    <t>課業期間中（１日２時間未満）</t>
    <rPh sb="0" eb="2">
      <t>カギョウ</t>
    </rPh>
    <rPh sb="2" eb="5">
      <t>キカンチュウ</t>
    </rPh>
    <rPh sb="7" eb="8">
      <t>ニチ</t>
    </rPh>
    <rPh sb="9" eb="11">
      <t>ジカン</t>
    </rPh>
    <rPh sb="11" eb="13">
      <t>ミマン</t>
    </rPh>
    <phoneticPr fontId="14"/>
  </si>
  <si>
    <t>課業期間中（１日２時間以上５時間未満）</t>
    <rPh sb="0" eb="2">
      <t>カギョウ</t>
    </rPh>
    <rPh sb="2" eb="5">
      <t>キカンチュウ</t>
    </rPh>
    <rPh sb="7" eb="8">
      <t>ニチ</t>
    </rPh>
    <rPh sb="9" eb="11">
      <t>ジカン</t>
    </rPh>
    <rPh sb="11" eb="13">
      <t>イジョウ</t>
    </rPh>
    <rPh sb="14" eb="16">
      <t>ジカン</t>
    </rPh>
    <rPh sb="16" eb="18">
      <t>ミマン</t>
    </rPh>
    <phoneticPr fontId="14"/>
  </si>
  <si>
    <t>課業期間中（１日５時間以上）</t>
    <rPh sb="0" eb="2">
      <t>カギョウ</t>
    </rPh>
    <rPh sb="2" eb="5">
      <t>キカンチュウ</t>
    </rPh>
    <rPh sb="7" eb="8">
      <t>ニチ</t>
    </rPh>
    <rPh sb="9" eb="11">
      <t>ジカン</t>
    </rPh>
    <rPh sb="11" eb="13">
      <t>イジョウ</t>
    </rPh>
    <phoneticPr fontId="14"/>
  </si>
  <si>
    <t>休業日（土日等）</t>
    <rPh sb="0" eb="3">
      <t>キュウギョウビ</t>
    </rPh>
    <rPh sb="4" eb="6">
      <t>ドニチ</t>
    </rPh>
    <rPh sb="6" eb="7">
      <t>トウ</t>
    </rPh>
    <phoneticPr fontId="14"/>
  </si>
  <si>
    <t>長期休業日（夏休み・冬休み・春休み）</t>
    <rPh sb="0" eb="2">
      <t>チョウキ</t>
    </rPh>
    <rPh sb="2" eb="5">
      <t>キュウギョウビ</t>
    </rPh>
    <rPh sb="6" eb="8">
      <t>ナツヤス</t>
    </rPh>
    <rPh sb="10" eb="12">
      <t>フユヤス</t>
    </rPh>
    <rPh sb="14" eb="16">
      <t>ハルヤス</t>
    </rPh>
    <phoneticPr fontId="14"/>
  </si>
  <si>
    <t>(1)予定がない。</t>
    <rPh sb="3" eb="5">
      <t>ヨテイ</t>
    </rPh>
    <phoneticPr fontId="14"/>
  </si>
  <si>
    <t>(2)予定がある。</t>
    <rPh sb="3" eb="5">
      <t>ヨテイ</t>
    </rPh>
    <phoneticPr fontId="14"/>
  </si>
  <si>
    <t>改築</t>
    <rPh sb="0" eb="2">
      <t>カイチク</t>
    </rPh>
    <phoneticPr fontId="14"/>
  </si>
  <si>
    <t>定員変更に伴う増築</t>
    <rPh sb="0" eb="2">
      <t>テイイン</t>
    </rPh>
    <rPh sb="2" eb="4">
      <t>ヘンコウ</t>
    </rPh>
    <rPh sb="5" eb="6">
      <t>トモナ</t>
    </rPh>
    <rPh sb="7" eb="9">
      <t>ゾウチク</t>
    </rPh>
    <phoneticPr fontId="14"/>
  </si>
  <si>
    <t>耐震補強</t>
    <rPh sb="0" eb="2">
      <t>タイシン</t>
    </rPh>
    <rPh sb="2" eb="4">
      <t>ホキョウ</t>
    </rPh>
    <phoneticPr fontId="14"/>
  </si>
  <si>
    <t>人</t>
    <rPh sb="0" eb="1">
      <t>ニン</t>
    </rPh>
    <phoneticPr fontId="14"/>
  </si>
  <si>
    <t>アスベスト対策</t>
    <rPh sb="5" eb="7">
      <t>タイサク</t>
    </rPh>
    <phoneticPr fontId="14"/>
  </si>
  <si>
    <t>エコ改修</t>
    <rPh sb="2" eb="4">
      <t>カイシュウ</t>
    </rPh>
    <phoneticPr fontId="14"/>
  </si>
  <si>
    <t>その他</t>
    <rPh sb="2" eb="3">
      <t>タ</t>
    </rPh>
    <phoneticPr fontId="14"/>
  </si>
  <si>
    <t>・(2)で「その他」と回答した場合、内容を具体的にお書きください。</t>
    <rPh sb="8" eb="9">
      <t>タ</t>
    </rPh>
    <rPh sb="11" eb="13">
      <t>カイトウ</t>
    </rPh>
    <rPh sb="15" eb="17">
      <t>バアイ</t>
    </rPh>
    <rPh sb="18" eb="20">
      <t>ナイヨウ</t>
    </rPh>
    <rPh sb="21" eb="24">
      <t>グタイテキ</t>
    </rPh>
    <rPh sb="26" eb="27">
      <t>カ</t>
    </rPh>
    <phoneticPr fontId="14"/>
  </si>
  <si>
    <t>・回数について</t>
    <rPh sb="1" eb="3">
      <t>カイスウ</t>
    </rPh>
    <phoneticPr fontId="14"/>
  </si>
  <si>
    <t>週３回以上</t>
    <rPh sb="0" eb="1">
      <t>シュウ</t>
    </rPh>
    <rPh sb="2" eb="3">
      <t>カイ</t>
    </rPh>
    <rPh sb="3" eb="5">
      <t>イジョウ</t>
    </rPh>
    <phoneticPr fontId="14"/>
  </si>
  <si>
    <t>週３回未満</t>
    <rPh sb="0" eb="1">
      <t>シュウ</t>
    </rPh>
    <rPh sb="2" eb="3">
      <t>カイ</t>
    </rPh>
    <rPh sb="3" eb="5">
      <t>ミマン</t>
    </rPh>
    <phoneticPr fontId="14"/>
  </si>
  <si>
    <t>・給食施設の有無</t>
    <rPh sb="1" eb="3">
      <t>キュウショク</t>
    </rPh>
    <rPh sb="3" eb="5">
      <t>シセツ</t>
    </rPh>
    <rPh sb="6" eb="8">
      <t>ウム</t>
    </rPh>
    <phoneticPr fontId="14"/>
  </si>
  <si>
    <t>あり</t>
    <phoneticPr fontId="14"/>
  </si>
  <si>
    <t>・形態について（注１）</t>
    <rPh sb="1" eb="3">
      <t>ケイタイ</t>
    </rPh>
    <rPh sb="8" eb="9">
      <t>チュウ</t>
    </rPh>
    <phoneticPr fontId="14"/>
  </si>
  <si>
    <t>完全給食</t>
    <rPh sb="0" eb="2">
      <t>カンゼン</t>
    </rPh>
    <rPh sb="2" eb="4">
      <t>キュウショク</t>
    </rPh>
    <phoneticPr fontId="14"/>
  </si>
  <si>
    <t>ミルク給食</t>
    <rPh sb="3" eb="5">
      <t>キュウショク</t>
    </rPh>
    <phoneticPr fontId="14"/>
  </si>
  <si>
    <t>補食給食</t>
    <rPh sb="0" eb="2">
      <t>ホショク</t>
    </rPh>
    <rPh sb="2" eb="4">
      <t>キュウショク</t>
    </rPh>
    <phoneticPr fontId="14"/>
  </si>
  <si>
    <t>・給食実施対象園児数（注２）</t>
    <rPh sb="1" eb="3">
      <t>キュウショク</t>
    </rPh>
    <rPh sb="3" eb="5">
      <t>ジッシ</t>
    </rPh>
    <rPh sb="5" eb="7">
      <t>タイショウ</t>
    </rPh>
    <rPh sb="7" eb="9">
      <t>エンジ</t>
    </rPh>
    <rPh sb="9" eb="10">
      <t>スウ</t>
    </rPh>
    <rPh sb="11" eb="12">
      <t>チュウ</t>
    </rPh>
    <phoneticPr fontId="14"/>
  </si>
  <si>
    <t>（注１）</t>
    <rPh sb="1" eb="2">
      <t>チュウ</t>
    </rPh>
    <phoneticPr fontId="14"/>
  </si>
  <si>
    <t>完全給食…パン・米飯またはめんの主食、ミルク、おかずを内容とする給食。</t>
    <rPh sb="0" eb="2">
      <t>カンゼン</t>
    </rPh>
    <rPh sb="2" eb="4">
      <t>キュウショク</t>
    </rPh>
    <rPh sb="8" eb="10">
      <t>ベイハン</t>
    </rPh>
    <rPh sb="16" eb="18">
      <t>シュショク</t>
    </rPh>
    <rPh sb="27" eb="29">
      <t>ナイヨウ</t>
    </rPh>
    <rPh sb="32" eb="34">
      <t>キュウショク</t>
    </rPh>
    <phoneticPr fontId="14"/>
  </si>
  <si>
    <t>（注２）</t>
    <rPh sb="1" eb="2">
      <t>チュウ</t>
    </rPh>
    <phoneticPr fontId="14"/>
  </si>
  <si>
    <t>○</t>
    <phoneticPr fontId="14"/>
  </si>
  <si>
    <t>Ｈ</t>
    <phoneticPr fontId="14"/>
  </si>
  <si>
    <t>連絡用Eメール
アドレス</t>
    <rPh sb="0" eb="3">
      <t>レンラクヨウ</t>
    </rPh>
    <phoneticPr fontId="14" alignment="distributed"/>
  </si>
  <si>
    <t>＠</t>
    <phoneticPr fontId="14" alignment="distributed"/>
  </si>
  <si>
    <r>
      <t>　</t>
    </r>
    <r>
      <rPr>
        <u/>
        <sz val="14"/>
        <rFont val="ＭＳ ゴシック"/>
        <family val="3"/>
        <charset val="128"/>
      </rPr>
      <t>（人材派遣業者から派遣されている教員は、記入しないでください。）</t>
    </r>
    <rPh sb="2" eb="4">
      <t>ジンザイ</t>
    </rPh>
    <rPh sb="4" eb="6">
      <t>ハケン</t>
    </rPh>
    <rPh sb="6" eb="8">
      <t>ギョウシャ</t>
    </rPh>
    <rPh sb="10" eb="12">
      <t>ハケン</t>
    </rPh>
    <rPh sb="17" eb="19">
      <t>キョウイン</t>
    </rPh>
    <rPh sb="21" eb="23">
      <t>キニュウ</t>
    </rPh>
    <phoneticPr fontId="2"/>
  </si>
  <si>
    <t>１　預かり保育について</t>
    <rPh sb="2" eb="3">
      <t>アズ</t>
    </rPh>
    <rPh sb="5" eb="7">
      <t>ホイク</t>
    </rPh>
    <phoneticPr fontId="14"/>
  </si>
  <si>
    <t>２　園舎の施設整備について</t>
    <rPh sb="2" eb="4">
      <t>エンシャ</t>
    </rPh>
    <rPh sb="5" eb="7">
      <t>シセツ</t>
    </rPh>
    <rPh sb="7" eb="9">
      <t>セイビ</t>
    </rPh>
    <phoneticPr fontId="14"/>
  </si>
  <si>
    <t>なし</t>
    <phoneticPr fontId="14"/>
  </si>
  <si>
    <t>非構造部材の耐震対策</t>
    <rPh sb="0" eb="1">
      <t>ヒ</t>
    </rPh>
    <rPh sb="1" eb="3">
      <t>コウゾウ</t>
    </rPh>
    <rPh sb="3" eb="5">
      <t>ブザイ</t>
    </rPh>
    <rPh sb="6" eb="8">
      <t>タイシン</t>
    </rPh>
    <rPh sb="8" eb="10">
      <t>タイサク</t>
    </rPh>
    <phoneticPr fontId="14"/>
  </si>
  <si>
    <t>防災機能強化</t>
    <rPh sb="0" eb="2">
      <t>ボウサイ</t>
    </rPh>
    <rPh sb="2" eb="4">
      <t>キノウ</t>
    </rPh>
    <rPh sb="4" eb="6">
      <t>キョウカ</t>
    </rPh>
    <phoneticPr fontId="14"/>
  </si>
  <si>
    <t>ミルク給食…ミルクのみを内容とする給食。</t>
    <phoneticPr fontId="14"/>
  </si>
  <si>
    <t>補食給食…「完全給食・ミルク給食」以外の給食。</t>
    <phoneticPr fontId="14"/>
  </si>
  <si>
    <t>この人数は、給食の対象園児数であって、実際に給食を受けた人数ではありません。</t>
    <phoneticPr fontId="14"/>
  </si>
  <si>
    <t>毎日給食の希望をとる場合であっても、全園児が希望すれば給食を申し込める場合は、</t>
    <phoneticPr fontId="14"/>
  </si>
  <si>
    <t>３　ティーム保育の実施状況について</t>
    <rPh sb="6" eb="8">
      <t>ホイク</t>
    </rPh>
    <rPh sb="9" eb="11">
      <t>ジッシ</t>
    </rPh>
    <rPh sb="11" eb="13">
      <t>ジョウキョウ</t>
    </rPh>
    <phoneticPr fontId="14"/>
  </si>
  <si>
    <t>在籍園児数を記入してください。</t>
    <phoneticPr fontId="14"/>
  </si>
  <si>
    <t>その他</t>
    <phoneticPr fontId="14"/>
  </si>
  <si>
    <t>４　新規教職員の採用の有無について</t>
    <rPh sb="2" eb="4">
      <t>シンキ</t>
    </rPh>
    <rPh sb="4" eb="7">
      <t>キョウショクイン</t>
    </rPh>
    <rPh sb="8" eb="10">
      <t>サイヨウ</t>
    </rPh>
    <rPh sb="11" eb="13">
      <t>ウム</t>
    </rPh>
    <phoneticPr fontId="14"/>
  </si>
  <si>
    <t>・本年度、「教職員名簿（新規教職員用）」の提出がありますか。</t>
    <phoneticPr fontId="14"/>
  </si>
  <si>
    <t>○○幼稚園</t>
    <rPh sb="2" eb="4">
      <t>ヨウチ</t>
    </rPh>
    <rPh sb="4" eb="5">
      <t>エン</t>
    </rPh>
    <phoneticPr fontId="14"/>
  </si>
  <si>
    <t>※この報告書は、学校ごとに1枚ずつ作成してください。</t>
    <rPh sb="8" eb="10">
      <t>ガッコウ</t>
    </rPh>
    <phoneticPr fontId="14"/>
  </si>
  <si>
    <t>・本年１月１日以降採用になった者については、「０」円として記入してください。</t>
    <rPh sb="1" eb="3">
      <t>ホンネン</t>
    </rPh>
    <rPh sb="4" eb="5">
      <t>ガツ</t>
    </rPh>
    <rPh sb="6" eb="7">
      <t>ニチ</t>
    </rPh>
    <rPh sb="7" eb="9">
      <t>イコウ</t>
    </rPh>
    <rPh sb="9" eb="11">
      <t>サイヨウ</t>
    </rPh>
    <rPh sb="15" eb="16">
      <t>モノ</t>
    </rPh>
    <rPh sb="25" eb="26">
      <t>エン</t>
    </rPh>
    <phoneticPr fontId="2"/>
  </si>
  <si>
    <t>３　新規の教職員については「私立幼稚園新規教職員名簿」に記載してください。</t>
    <rPh sb="2" eb="4">
      <t>シンキ</t>
    </rPh>
    <rPh sb="5" eb="8">
      <t>キョウショクイン</t>
    </rPh>
    <rPh sb="14" eb="16">
      <t>シリツ</t>
    </rPh>
    <rPh sb="16" eb="19">
      <t>ヨウチエン</t>
    </rPh>
    <rPh sb="19" eb="21">
      <t>シンキ</t>
    </rPh>
    <rPh sb="21" eb="24">
      <t>キョウショクイン</t>
    </rPh>
    <rPh sb="24" eb="26">
      <t>メイボ</t>
    </rPh>
    <rPh sb="28" eb="30">
      <t>キサイ</t>
    </rPh>
    <phoneticPr fontId="2"/>
  </si>
  <si>
    <t>４　そのほか、各項目の記載にあたっては「私立幼稚園新規教職員名簿記入上の注意」も参照してください。</t>
    <rPh sb="7" eb="8">
      <t>カク</t>
    </rPh>
    <rPh sb="8" eb="10">
      <t>コウモク</t>
    </rPh>
    <rPh sb="11" eb="13">
      <t>キサイ</t>
    </rPh>
    <rPh sb="20" eb="22">
      <t>シリツ</t>
    </rPh>
    <rPh sb="22" eb="25">
      <t>ヨウチエン</t>
    </rPh>
    <rPh sb="25" eb="27">
      <t>シンキ</t>
    </rPh>
    <rPh sb="27" eb="28">
      <t>キョウ</t>
    </rPh>
    <rPh sb="28" eb="30">
      <t>ショクイン</t>
    </rPh>
    <rPh sb="30" eb="32">
      <t>メイボ</t>
    </rPh>
    <rPh sb="32" eb="34">
      <t>キニュウ</t>
    </rPh>
    <rPh sb="34" eb="35">
      <t>ジョウ</t>
    </rPh>
    <rPh sb="36" eb="38">
      <t>チュウイ</t>
    </rPh>
    <rPh sb="40" eb="42">
      <t>サンショウ</t>
    </rPh>
    <phoneticPr fontId="2"/>
  </si>
  <si>
    <r>
      <t>　数字は</t>
    </r>
    <r>
      <rPr>
        <u/>
        <sz val="9"/>
        <rFont val="ＭＳ 明朝"/>
        <family val="1"/>
        <charset val="128"/>
      </rPr>
      <t>右詰めで記入し、金額以外は、余剰の桁に「０」を記入してください。（０円の場合は「０」を記入して下さい。）</t>
    </r>
    <rPh sb="1" eb="3">
      <t>スウジ</t>
    </rPh>
    <rPh sb="4" eb="6">
      <t>ミギヅ</t>
    </rPh>
    <rPh sb="8" eb="10">
      <t>キニュウ</t>
    </rPh>
    <rPh sb="12" eb="14">
      <t>キンガク</t>
    </rPh>
    <rPh sb="14" eb="16">
      <t>イガイ</t>
    </rPh>
    <rPh sb="18" eb="20">
      <t>ヨジョウ</t>
    </rPh>
    <rPh sb="21" eb="22">
      <t>ケタ</t>
    </rPh>
    <rPh sb="27" eb="29">
      <t>キニュウ</t>
    </rPh>
    <rPh sb="38" eb="39">
      <t>エン</t>
    </rPh>
    <rPh sb="40" eb="42">
      <t>バアイ</t>
    </rPh>
    <rPh sb="47" eb="49">
      <t>キニュウ</t>
    </rPh>
    <rPh sb="51" eb="52">
      <t>クダ</t>
    </rPh>
    <phoneticPr fontId="2"/>
  </si>
  <si>
    <t>・上記の方法でも、著しく減額されている場合は、前年から継続した同様の雇用契約である限り、</t>
    <rPh sb="1" eb="3">
      <t>ジョウキ</t>
    </rPh>
    <rPh sb="4" eb="6">
      <t>ホウホウ</t>
    </rPh>
    <rPh sb="9" eb="10">
      <t>イチジル</t>
    </rPh>
    <rPh sb="12" eb="14">
      <t>ゲンガク</t>
    </rPh>
    <rPh sb="19" eb="21">
      <t>バアイ</t>
    </rPh>
    <rPh sb="23" eb="25">
      <t>ゼンネン</t>
    </rPh>
    <rPh sb="27" eb="29">
      <t>ケイゾク</t>
    </rPh>
    <rPh sb="31" eb="33">
      <t>ドウヨウ</t>
    </rPh>
    <rPh sb="34" eb="36">
      <t>コヨウ</t>
    </rPh>
    <rPh sb="36" eb="38">
      <t>ケイヤク</t>
    </rPh>
    <rPh sb="41" eb="42">
      <t>カギ</t>
    </rPh>
    <phoneticPr fontId="2"/>
  </si>
  <si>
    <r>
      <t>（注）</t>
    </r>
    <r>
      <rPr>
        <u/>
        <sz val="9"/>
        <rFont val="ＭＳ 明朝"/>
        <family val="1"/>
        <charset val="128"/>
      </rPr>
      <t>給与額は、補助対象教職員となるかの判断基準の１つに該当しますので、正確な報告をお</t>
    </r>
    <rPh sb="1" eb="2">
      <t>チュウ</t>
    </rPh>
    <rPh sb="3" eb="5">
      <t>キュウヨ</t>
    </rPh>
    <rPh sb="5" eb="6">
      <t>ガク</t>
    </rPh>
    <rPh sb="8" eb="10">
      <t>ホジョ</t>
    </rPh>
    <rPh sb="10" eb="12">
      <t>タイショウ</t>
    </rPh>
    <rPh sb="12" eb="15">
      <t>キョウショクイン</t>
    </rPh>
    <rPh sb="20" eb="22">
      <t>ハンダン</t>
    </rPh>
    <rPh sb="22" eb="24">
      <t>キジュン</t>
    </rPh>
    <rPh sb="28" eb="30">
      <t>ガイトウ</t>
    </rPh>
    <rPh sb="36" eb="38">
      <t>セイカク</t>
    </rPh>
    <rPh sb="39" eb="41">
      <t>ホウコク</t>
    </rPh>
    <phoneticPr fontId="2"/>
  </si>
  <si>
    <r>
      <t>　</t>
    </r>
    <r>
      <rPr>
        <u/>
        <sz val="9"/>
        <rFont val="ＭＳ 明朝"/>
        <family val="1"/>
        <charset val="128"/>
      </rPr>
      <t>願いします。勤務日数・時間についても同様です。不明点は担当までご確認ください。</t>
    </r>
    <rPh sb="1" eb="2">
      <t>ネガ</t>
    </rPh>
    <rPh sb="7" eb="9">
      <t>キンム</t>
    </rPh>
    <rPh sb="9" eb="11">
      <t>ニッスウ</t>
    </rPh>
    <rPh sb="12" eb="14">
      <t>ジカン</t>
    </rPh>
    <rPh sb="19" eb="21">
      <t>ドウヨウ</t>
    </rPh>
    <rPh sb="24" eb="27">
      <t>フメイテン</t>
    </rPh>
    <rPh sb="28" eb="30">
      <t>タントウ</t>
    </rPh>
    <rPh sb="33" eb="35">
      <t>カクニン</t>
    </rPh>
    <phoneticPr fontId="2"/>
  </si>
  <si>
    <t>・訂正用教職員名簿の場合も同様に取り扱いください。</t>
    <rPh sb="1" eb="3">
      <t>テイセイ</t>
    </rPh>
    <rPh sb="3" eb="4">
      <t>ヨウ</t>
    </rPh>
    <rPh sb="4" eb="7">
      <t>キョウショクイン</t>
    </rPh>
    <rPh sb="7" eb="9">
      <t>メイボ</t>
    </rPh>
    <rPh sb="10" eb="12">
      <t>バアイ</t>
    </rPh>
    <rPh sb="13" eb="15">
      <t>ドウヨウ</t>
    </rPh>
    <rPh sb="16" eb="17">
      <t>ト</t>
    </rPh>
    <rPh sb="18" eb="19">
      <t>アツカ</t>
    </rPh>
    <phoneticPr fontId="2"/>
  </si>
  <si>
    <t>３歳児
入園</t>
    <rPh sb="1" eb="2">
      <t>サイ</t>
    </rPh>
    <rPh sb="2" eb="3">
      <t>ジ</t>
    </rPh>
    <rPh sb="4" eb="6">
      <t>ニュウエン</t>
    </rPh>
    <phoneticPr fontId="2"/>
  </si>
  <si>
    <r>
      <t xml:space="preserve">４歳児
</t>
    </r>
    <r>
      <rPr>
        <sz val="10"/>
        <rFont val="ＭＳ 明朝"/>
        <family val="1"/>
        <charset val="128"/>
      </rPr>
      <t>（本年度）</t>
    </r>
    <r>
      <rPr>
        <sz val="13"/>
        <rFont val="ＭＳ 明朝"/>
        <family val="1"/>
        <charset val="128"/>
      </rPr>
      <t xml:space="preserve">
入園</t>
    </r>
    <rPh sb="1" eb="2">
      <t>サイ</t>
    </rPh>
    <rPh sb="2" eb="3">
      <t>ジ</t>
    </rPh>
    <rPh sb="5" eb="8">
      <t>ホンネンド</t>
    </rPh>
    <rPh sb="10" eb="12">
      <t>ニュウエン</t>
    </rPh>
    <phoneticPr fontId="2"/>
  </si>
  <si>
    <r>
      <t xml:space="preserve">５歳児
</t>
    </r>
    <r>
      <rPr>
        <sz val="10"/>
        <rFont val="ＭＳ 明朝"/>
        <family val="1"/>
        <charset val="128"/>
      </rPr>
      <t>（本年度）</t>
    </r>
    <r>
      <rPr>
        <sz val="13"/>
        <rFont val="ＭＳ 明朝"/>
        <family val="1"/>
        <charset val="128"/>
      </rPr>
      <t xml:space="preserve">
入園</t>
    </r>
    <rPh sb="1" eb="2">
      <t>サイ</t>
    </rPh>
    <rPh sb="2" eb="3">
      <t>ジ</t>
    </rPh>
    <rPh sb="5" eb="8">
      <t>ホンネンド</t>
    </rPh>
    <rPh sb="10" eb="12">
      <t>ニュウエン</t>
    </rPh>
    <phoneticPr fontId="2"/>
  </si>
  <si>
    <r>
      <t xml:space="preserve">４歳児
</t>
    </r>
    <r>
      <rPr>
        <sz val="13"/>
        <rFont val="ＭＳ 明朝"/>
        <family val="1"/>
        <charset val="128"/>
      </rPr>
      <t>入園</t>
    </r>
    <rPh sb="1" eb="2">
      <t>サイ</t>
    </rPh>
    <rPh sb="2" eb="3">
      <t>ジ</t>
    </rPh>
    <rPh sb="4" eb="6">
      <t>ニュウエン</t>
    </rPh>
    <phoneticPr fontId="2"/>
  </si>
  <si>
    <t>～</t>
    <phoneticPr fontId="2"/>
  </si>
  <si>
    <t>　前年所得から月平均を算出した金額でも可とします。</t>
    <rPh sb="1" eb="3">
      <t>ゼンネン</t>
    </rPh>
    <rPh sb="3" eb="5">
      <t>ショトク</t>
    </rPh>
    <rPh sb="7" eb="8">
      <t>ツキ</t>
    </rPh>
    <rPh sb="8" eb="10">
      <t>ヘイキン</t>
    </rPh>
    <rPh sb="11" eb="13">
      <t>サンシュツ</t>
    </rPh>
    <rPh sb="15" eb="17">
      <t>キンガク</t>
    </rPh>
    <rPh sb="19" eb="20">
      <t>カ</t>
    </rPh>
    <phoneticPr fontId="2"/>
  </si>
  <si>
    <t>設置者</t>
    <rPh sb="0" eb="2">
      <t>セッチ</t>
    </rPh>
    <rPh sb="2" eb="3">
      <t>シャ</t>
    </rPh>
    <phoneticPr fontId="14" alignment="distributed"/>
  </si>
  <si>
    <t>学校法人</t>
    <rPh sb="0" eb="2">
      <t>ガッコウ</t>
    </rPh>
    <rPh sb="2" eb="4">
      <t>ホウジン</t>
    </rPh>
    <phoneticPr fontId="14" alignment="distributed"/>
  </si>
  <si>
    <t>その他</t>
    <rPh sb="2" eb="3">
      <t>タ</t>
    </rPh>
    <phoneticPr fontId="14" alignment="distributed"/>
  </si>
  <si>
    <t>私学助成</t>
    <rPh sb="0" eb="2">
      <t>シガク</t>
    </rPh>
    <rPh sb="2" eb="4">
      <t>ジョセイ</t>
    </rPh>
    <phoneticPr fontId="14" alignment="distributed"/>
  </si>
  <si>
    <t>施設型給付</t>
    <rPh sb="0" eb="3">
      <t>シセツガタ</t>
    </rPh>
    <rPh sb="3" eb="5">
      <t>キュウフ</t>
    </rPh>
    <phoneticPr fontId="14" alignment="distributed"/>
  </si>
  <si>
    <t>１　編成方式別学級数（０学級の場合、必ず”0 ”を記入してください。）</t>
    <rPh sb="2" eb="4">
      <t>ヘンセイ</t>
    </rPh>
    <rPh sb="4" eb="6">
      <t>ホウシキ</t>
    </rPh>
    <rPh sb="6" eb="7">
      <t>ベツ</t>
    </rPh>
    <rPh sb="7" eb="9">
      <t>ガッキュウ</t>
    </rPh>
    <rPh sb="9" eb="10">
      <t>スウ</t>
    </rPh>
    <phoneticPr fontId="2"/>
  </si>
  <si>
    <t>２　年齢別・入園年次別在園児数（各項目で０人の場合、必ず”0 ”を記入してください。）</t>
    <rPh sb="2" eb="4">
      <t>ネンレイ</t>
    </rPh>
    <rPh sb="4" eb="5">
      <t>ベツ</t>
    </rPh>
    <rPh sb="6" eb="8">
      <t>ニュウエン</t>
    </rPh>
    <rPh sb="8" eb="10">
      <t>ネンジ</t>
    </rPh>
    <rPh sb="10" eb="11">
      <t>ベツ</t>
    </rPh>
    <rPh sb="11" eb="12">
      <t>ザイ</t>
    </rPh>
    <rPh sb="12" eb="14">
      <t>エンジ</t>
    </rPh>
    <rPh sb="14" eb="15">
      <t>スウ</t>
    </rPh>
    <phoneticPr fontId="2"/>
  </si>
  <si>
    <r>
      <t>　　名簿の各行の上段に昨年度の調査に基づくデータが出力されておりますので、</t>
    </r>
    <r>
      <rPr>
        <u/>
        <sz val="11"/>
        <rFont val="ＭＳ ゴシック"/>
        <family val="3"/>
        <charset val="128"/>
      </rPr>
      <t>データに変更等がある場合</t>
    </r>
    <r>
      <rPr>
        <sz val="11"/>
        <rFont val="ＭＳ ゴシック"/>
        <family val="3"/>
        <charset val="128"/>
      </rPr>
      <t>、</t>
    </r>
    <r>
      <rPr>
        <u/>
        <sz val="11"/>
        <rFont val="ＭＳ ゴシック"/>
        <family val="3"/>
        <charset val="128"/>
      </rPr>
      <t>上段の該当箇所を赤ペンで取り消し</t>
    </r>
    <r>
      <rPr>
        <sz val="11"/>
        <rFont val="ＭＳ ゴシック"/>
        <family val="3"/>
        <charset val="128"/>
      </rPr>
      <t>、下段に</t>
    </r>
    <r>
      <rPr>
        <u/>
        <sz val="11"/>
        <rFont val="ＭＳ ゴシック"/>
        <family val="3"/>
        <charset val="128"/>
      </rPr>
      <t>変更後のデータを記入</t>
    </r>
    <r>
      <rPr>
        <sz val="11"/>
        <rFont val="ＭＳ 明朝"/>
        <family val="1"/>
        <charset val="128"/>
      </rPr>
      <t>して</t>
    </r>
    <rPh sb="2" eb="4">
      <t>メイボ</t>
    </rPh>
    <rPh sb="5" eb="7">
      <t>カクギョウ</t>
    </rPh>
    <rPh sb="8" eb="10">
      <t>ジョウダン</t>
    </rPh>
    <rPh sb="11" eb="14">
      <t>サクネンド</t>
    </rPh>
    <rPh sb="15" eb="17">
      <t>チョウサ</t>
    </rPh>
    <rPh sb="18" eb="19">
      <t>モト</t>
    </rPh>
    <rPh sb="25" eb="27">
      <t>シュツリョク</t>
    </rPh>
    <rPh sb="41" eb="44">
      <t>ヘンコウトウ</t>
    </rPh>
    <rPh sb="47" eb="49">
      <t>バアイ</t>
    </rPh>
    <rPh sb="50" eb="52">
      <t>ジョウダン</t>
    </rPh>
    <rPh sb="53" eb="55">
      <t>ガイトウ</t>
    </rPh>
    <rPh sb="55" eb="57">
      <t>カショ</t>
    </rPh>
    <rPh sb="58" eb="59">
      <t>アカ</t>
    </rPh>
    <rPh sb="62" eb="63">
      <t>ト</t>
    </rPh>
    <rPh sb="64" eb="65">
      <t>ケ</t>
    </rPh>
    <rPh sb="67" eb="69">
      <t>ゲダン</t>
    </rPh>
    <rPh sb="70" eb="72">
      <t>ヘンコウ</t>
    </rPh>
    <rPh sb="72" eb="73">
      <t>ゴ</t>
    </rPh>
    <rPh sb="78" eb="80">
      <t>キニュウ</t>
    </rPh>
    <phoneticPr fontId="2"/>
  </si>
  <si>
    <r>
      <t>２　</t>
    </r>
    <r>
      <rPr>
        <sz val="11"/>
        <rFont val="ＭＳ ゴシック"/>
        <family val="3"/>
        <charset val="128"/>
      </rPr>
      <t>名簿に記載されている教職員が退職している場合は、赤ペンで名簿の上段全体に横線を引いて取り消し</t>
    </r>
    <r>
      <rPr>
        <sz val="11"/>
        <rFont val="ＭＳ 明朝"/>
        <family val="1"/>
        <charset val="128"/>
      </rPr>
      <t>てください。</t>
    </r>
    <rPh sb="2" eb="4">
      <t>メイボ</t>
    </rPh>
    <rPh sb="5" eb="7">
      <t>キサイ</t>
    </rPh>
    <rPh sb="12" eb="15">
      <t>キョウショクイン</t>
    </rPh>
    <rPh sb="16" eb="18">
      <t>タイショク</t>
    </rPh>
    <rPh sb="22" eb="24">
      <t>バアイ</t>
    </rPh>
    <rPh sb="26" eb="27">
      <t>アカ</t>
    </rPh>
    <rPh sb="30" eb="32">
      <t>メイボ</t>
    </rPh>
    <rPh sb="33" eb="35">
      <t>ジョウダン</t>
    </rPh>
    <rPh sb="35" eb="37">
      <t>ゼンタイ</t>
    </rPh>
    <rPh sb="38" eb="40">
      <t>ヨコセン</t>
    </rPh>
    <rPh sb="41" eb="42">
      <t>ヒ</t>
    </rPh>
    <rPh sb="44" eb="45">
      <t>ト</t>
    </rPh>
    <rPh sb="46" eb="47">
      <t>ケ</t>
    </rPh>
    <phoneticPr fontId="2"/>
  </si>
  <si>
    <t>・該当する回答欄に○を記入して</t>
    <rPh sb="1" eb="3">
      <t>ガイトウ</t>
    </rPh>
    <rPh sb="5" eb="7">
      <t>カイトウ</t>
    </rPh>
    <rPh sb="7" eb="8">
      <t>ラン</t>
    </rPh>
    <rPh sb="11" eb="13">
      <t>キニュウ</t>
    </rPh>
    <phoneticPr fontId="14"/>
  </si>
  <si>
    <t>　ください。</t>
    <phoneticPr fontId="14"/>
  </si>
  <si>
    <t>・該当する回答欄に○を記入してください。</t>
    <phoneticPr fontId="14"/>
  </si>
  <si>
    <t>（４）５月１日現在で在籍児童のいない学級は、学校基本調査で回答したとしても、</t>
    <rPh sb="4" eb="5">
      <t>ガツ</t>
    </rPh>
    <rPh sb="6" eb="7">
      <t>ニチ</t>
    </rPh>
    <rPh sb="7" eb="9">
      <t>ゲンザイ</t>
    </rPh>
    <rPh sb="10" eb="12">
      <t>ザイセキ</t>
    </rPh>
    <rPh sb="12" eb="14">
      <t>ジドウ</t>
    </rPh>
    <rPh sb="18" eb="20">
      <t>ガッキュウ</t>
    </rPh>
    <rPh sb="22" eb="24">
      <t>ガッコウ</t>
    </rPh>
    <rPh sb="24" eb="26">
      <t>キホン</t>
    </rPh>
    <rPh sb="26" eb="28">
      <t>チョウサ</t>
    </rPh>
    <rPh sb="29" eb="31">
      <t>カイトウ</t>
    </rPh>
    <phoneticPr fontId="2"/>
  </si>
  <si>
    <t xml:space="preserve">    　現況調査の学級数には加えないでください。</t>
    <rPh sb="5" eb="7">
      <t>ゲンキョウ</t>
    </rPh>
    <rPh sb="7" eb="9">
      <t>チョウサ</t>
    </rPh>
    <rPh sb="10" eb="12">
      <t>ガッキュウ</t>
    </rPh>
    <rPh sb="12" eb="13">
      <t>スウ</t>
    </rPh>
    <rPh sb="15" eb="16">
      <t>クワ</t>
    </rPh>
    <phoneticPr fontId="2"/>
  </si>
  <si>
    <t>○</t>
    <phoneticPr fontId="14"/>
  </si>
  <si>
    <t>○報告書は、ペンまたはボールペンで記入してください。（鉛筆は不可）</t>
    <phoneticPr fontId="2"/>
  </si>
  <si>
    <t>教員免許状・保育士資格を証明する書類の写し</t>
    <phoneticPr fontId="2"/>
  </si>
  <si>
    <t>私立学校教職員共済加入者証、日本私立学校振興・共済事業団標準給与基礎届等の写し</t>
    <rPh sb="35" eb="36">
      <t>トウ</t>
    </rPh>
    <phoneticPr fontId="2"/>
  </si>
  <si>
    <t>その他</t>
    <rPh sb="2" eb="3">
      <t>タ</t>
    </rPh>
    <phoneticPr fontId="2"/>
  </si>
  <si>
    <t>建物名</t>
    <rPh sb="0" eb="2">
      <t>タテモノ</t>
    </rPh>
    <rPh sb="2" eb="3">
      <t>メイ</t>
    </rPh>
    <phoneticPr fontId="14"/>
  </si>
  <si>
    <t>区分</t>
    <rPh sb="0" eb="2">
      <t>クブン</t>
    </rPh>
    <phoneticPr fontId="14"/>
  </si>
  <si>
    <t>建築年(和暦)</t>
    <rPh sb="0" eb="2">
      <t>ケンチク</t>
    </rPh>
    <rPh sb="2" eb="3">
      <t>ネン</t>
    </rPh>
    <rPh sb="4" eb="6">
      <t>ワレキ</t>
    </rPh>
    <phoneticPr fontId="14"/>
  </si>
  <si>
    <t>構造区分</t>
    <rPh sb="0" eb="2">
      <t>コウゾウ</t>
    </rPh>
    <rPh sb="2" eb="4">
      <t>クブン</t>
    </rPh>
    <phoneticPr fontId="14"/>
  </si>
  <si>
    <t>面積（㎡）</t>
    <rPh sb="0" eb="2">
      <t>メンセキ</t>
    </rPh>
    <phoneticPr fontId="14"/>
  </si>
  <si>
    <t>階数</t>
    <rPh sb="0" eb="2">
      <t>カイスウ</t>
    </rPh>
    <phoneticPr fontId="14"/>
  </si>
  <si>
    <t>耐震診断</t>
    <rPh sb="0" eb="2">
      <t>タイシン</t>
    </rPh>
    <rPh sb="2" eb="4">
      <t>シンダン</t>
    </rPh>
    <phoneticPr fontId="14"/>
  </si>
  <si>
    <t>Is値</t>
    <rPh sb="2" eb="3">
      <t>アタイ</t>
    </rPh>
    <phoneticPr fontId="14"/>
  </si>
  <si>
    <t>園舎</t>
    <rPh sb="0" eb="1">
      <t>エン</t>
    </rPh>
    <rPh sb="1" eb="2">
      <t>シャ</t>
    </rPh>
    <phoneticPr fontId="2"/>
  </si>
  <si>
    <t>RC</t>
    <phoneticPr fontId="2"/>
  </si>
  <si>
    <t>用途</t>
    <rPh sb="0" eb="2">
      <t>ヨウト</t>
    </rPh>
    <phoneticPr fontId="2"/>
  </si>
  <si>
    <t>番号</t>
    <rPh sb="0" eb="2">
      <t>バンゴウ</t>
    </rPh>
    <phoneticPr fontId="2"/>
  </si>
  <si>
    <t>屋内運動場</t>
    <rPh sb="0" eb="2">
      <t>オクナイ</t>
    </rPh>
    <rPh sb="2" eb="4">
      <t>ウンドウ</t>
    </rPh>
    <rPh sb="4" eb="5">
      <t>ジョウ</t>
    </rPh>
    <phoneticPr fontId="2"/>
  </si>
  <si>
    <t>寄宿舎</t>
    <rPh sb="0" eb="3">
      <t>キシュクシャ</t>
    </rPh>
    <phoneticPr fontId="2"/>
  </si>
  <si>
    <t>構造</t>
    <rPh sb="0" eb="2">
      <t>コウゾウ</t>
    </rPh>
    <phoneticPr fontId="2"/>
  </si>
  <si>
    <t>記号</t>
    <rPh sb="0" eb="2">
      <t>キゴウ</t>
    </rPh>
    <phoneticPr fontId="2"/>
  </si>
  <si>
    <t>鉄骨構造</t>
    <rPh sb="0" eb="2">
      <t>テッコツ</t>
    </rPh>
    <rPh sb="2" eb="4">
      <t>コウゾウ</t>
    </rPh>
    <phoneticPr fontId="2"/>
  </si>
  <si>
    <t>木造</t>
    <rPh sb="0" eb="2">
      <t>モクゾウ</t>
    </rPh>
    <phoneticPr fontId="2"/>
  </si>
  <si>
    <t>実施済み</t>
    <rPh sb="0" eb="2">
      <t>ジッシ</t>
    </rPh>
    <rPh sb="2" eb="3">
      <t>ズ</t>
    </rPh>
    <phoneticPr fontId="2"/>
  </si>
  <si>
    <t>予定なし</t>
    <rPh sb="0" eb="2">
      <t>ヨテイ</t>
    </rPh>
    <phoneticPr fontId="2"/>
  </si>
  <si>
    <t>○</t>
    <phoneticPr fontId="2"/>
  </si>
  <si>
    <t>遊戯室棟</t>
    <rPh sb="0" eb="2">
      <t>ユウギ</t>
    </rPh>
    <rPh sb="2" eb="3">
      <t>シツ</t>
    </rPh>
    <rPh sb="3" eb="4">
      <t>トウ</t>
    </rPh>
    <phoneticPr fontId="2"/>
  </si>
  <si>
    <t>　新規教職員がいる場合には、「新規教職員名簿」も併せてご提出ください。</t>
    <phoneticPr fontId="2"/>
  </si>
  <si>
    <r>
      <t>私立幼稚園教職員名簿【</t>
    </r>
    <r>
      <rPr>
        <u/>
        <sz val="12"/>
        <rFont val="ＭＳ 明朝"/>
        <family val="1"/>
        <charset val="128"/>
      </rPr>
      <t>県より送付</t>
    </r>
    <r>
      <rPr>
        <sz val="12"/>
        <rFont val="ＭＳ 明朝"/>
        <family val="1"/>
        <charset val="128"/>
      </rPr>
      <t>】</t>
    </r>
    <rPh sb="11" eb="12">
      <t>ケン</t>
    </rPh>
    <rPh sb="14" eb="16">
      <t>ソウフ</t>
    </rPh>
    <phoneticPr fontId="2"/>
  </si>
  <si>
    <t>Is値(またはIw値)</t>
    <rPh sb="2" eb="3">
      <t>アタイ</t>
    </rPh>
    <rPh sb="9" eb="10">
      <t>アタイ</t>
    </rPh>
    <phoneticPr fontId="2"/>
  </si>
  <si>
    <t>私立学校現況調査票（幼稚園用　その３①②）記入要領</t>
    <rPh sb="0" eb="2">
      <t>シリツ</t>
    </rPh>
    <rPh sb="2" eb="4">
      <t>ガッコウ</t>
    </rPh>
    <rPh sb="4" eb="6">
      <t>ゲンキョウ</t>
    </rPh>
    <rPh sb="6" eb="9">
      <t>チョウサヒョウ</t>
    </rPh>
    <rPh sb="10" eb="13">
      <t>ヨウチエン</t>
    </rPh>
    <rPh sb="13" eb="14">
      <t>ヨウ</t>
    </rPh>
    <rPh sb="21" eb="23">
      <t>キニュウ</t>
    </rPh>
    <rPh sb="23" eb="25">
      <t>ヨウリョウ</t>
    </rPh>
    <phoneticPr fontId="2"/>
  </si>
  <si>
    <t>　この調査は、今後の事務の参考とさせていただくほか、毎年実施される文部科学省の私立学校実態調査の資料とさせていただくものです。文部科学省の調査結果は都道府県ごとに集計されホームページ等で公開されますので、正確にご回答ください。</t>
    <rPh sb="3" eb="5">
      <t>チョウサ</t>
    </rPh>
    <rPh sb="26" eb="28">
      <t>マイトシ</t>
    </rPh>
    <rPh sb="28" eb="30">
      <t>ジッシ</t>
    </rPh>
    <rPh sb="39" eb="41">
      <t>シリツ</t>
    </rPh>
    <rPh sb="41" eb="43">
      <t>ガッコウ</t>
    </rPh>
    <rPh sb="43" eb="45">
      <t>ジッタイ</t>
    </rPh>
    <rPh sb="45" eb="47">
      <t>チョウサ</t>
    </rPh>
    <phoneticPr fontId="2"/>
  </si>
  <si>
    <t>①私立学校施設の耐震改修状況等</t>
    <rPh sb="1" eb="3">
      <t>シリツ</t>
    </rPh>
    <rPh sb="3" eb="5">
      <t>ガッコウ</t>
    </rPh>
    <rPh sb="5" eb="7">
      <t>シセツ</t>
    </rPh>
    <rPh sb="8" eb="10">
      <t>タイシン</t>
    </rPh>
    <rPh sb="10" eb="12">
      <t>カイシュウ</t>
    </rPh>
    <rPh sb="12" eb="14">
      <t>ジョウキョウ</t>
    </rPh>
    <rPh sb="14" eb="15">
      <t>トウ</t>
    </rPh>
    <phoneticPr fontId="2"/>
  </si>
  <si>
    <t>※学校基本調査（学校施設調査票）の対象となる学校建物と同じです。</t>
    <rPh sb="1" eb="3">
      <t>ガッコウ</t>
    </rPh>
    <rPh sb="3" eb="5">
      <t>キホン</t>
    </rPh>
    <rPh sb="5" eb="7">
      <t>チョウサ</t>
    </rPh>
    <rPh sb="8" eb="10">
      <t>ガッコウ</t>
    </rPh>
    <rPh sb="10" eb="12">
      <t>シセツ</t>
    </rPh>
    <rPh sb="12" eb="14">
      <t>チョウサ</t>
    </rPh>
    <rPh sb="14" eb="15">
      <t>ヒョウ</t>
    </rPh>
    <rPh sb="17" eb="19">
      <t>タイショウ</t>
    </rPh>
    <rPh sb="22" eb="24">
      <t>ガッコウ</t>
    </rPh>
    <rPh sb="24" eb="26">
      <t>タテモノ</t>
    </rPh>
    <rPh sb="27" eb="28">
      <t>オナ</t>
    </rPh>
    <phoneticPr fontId="2"/>
  </si>
  <si>
    <t>※木造の建物や平屋建ての建物、200㎡以下の建物も調査の対象です。</t>
    <rPh sb="1" eb="3">
      <t>モクゾウ</t>
    </rPh>
    <rPh sb="4" eb="6">
      <t>タテモノ</t>
    </rPh>
    <rPh sb="7" eb="9">
      <t>ヒラヤ</t>
    </rPh>
    <rPh sb="9" eb="10">
      <t>ダ</t>
    </rPh>
    <rPh sb="12" eb="14">
      <t>タテモノ</t>
    </rPh>
    <rPh sb="19" eb="21">
      <t>イカ</t>
    </rPh>
    <rPh sb="22" eb="24">
      <t>タテモノ</t>
    </rPh>
    <rPh sb="25" eb="27">
      <t>チョウサ</t>
    </rPh>
    <rPh sb="28" eb="30">
      <t>タイショウ</t>
    </rPh>
    <phoneticPr fontId="2"/>
  </si>
  <si>
    <t>※小学校等、別の校種と共用している建物は、在籍生徒数の多い校種の建物とします。</t>
    <rPh sb="1" eb="5">
      <t>ショウガッコウトウ</t>
    </rPh>
    <rPh sb="6" eb="7">
      <t>ベツ</t>
    </rPh>
    <rPh sb="8" eb="9">
      <t>コウ</t>
    </rPh>
    <rPh sb="9" eb="10">
      <t>シュ</t>
    </rPh>
    <rPh sb="11" eb="13">
      <t>キョウヨウ</t>
    </rPh>
    <rPh sb="17" eb="19">
      <t>タテモノ</t>
    </rPh>
    <rPh sb="21" eb="23">
      <t>ザイセキ</t>
    </rPh>
    <rPh sb="23" eb="26">
      <t>セイトスウ</t>
    </rPh>
    <rPh sb="27" eb="28">
      <t>オオ</t>
    </rPh>
    <rPh sb="29" eb="30">
      <t>コウ</t>
    </rPh>
    <rPh sb="30" eb="31">
      <t>シュ</t>
    </rPh>
    <rPh sb="32" eb="34">
      <t>タテモノ</t>
    </rPh>
    <phoneticPr fontId="2"/>
  </si>
  <si>
    <t>※法人部門のみで使用している建物は除きます。</t>
    <rPh sb="1" eb="3">
      <t>ホウジン</t>
    </rPh>
    <rPh sb="3" eb="5">
      <t>ブモン</t>
    </rPh>
    <rPh sb="8" eb="10">
      <t>シヨウ</t>
    </rPh>
    <rPh sb="14" eb="16">
      <t>タテモノ</t>
    </rPh>
    <rPh sb="17" eb="18">
      <t>ノゾ</t>
    </rPh>
    <phoneticPr fontId="2"/>
  </si>
  <si>
    <r>
      <t>S</t>
    </r>
    <r>
      <rPr>
        <sz val="12"/>
        <rFont val="ＭＳ Ｐ明朝"/>
        <family val="1"/>
        <charset val="128"/>
      </rPr>
      <t>56年
以前</t>
    </r>
    <rPh sb="3" eb="4">
      <t>ネン</t>
    </rPh>
    <rPh sb="5" eb="7">
      <t>イゼン</t>
    </rPh>
    <phoneticPr fontId="14"/>
  </si>
  <si>
    <t>・建物を区別できる名前（園で確認しやすい名称）を記入し、建物の用途を番号で記入してください。　</t>
    <rPh sb="1" eb="3">
      <t>タテモノ</t>
    </rPh>
    <rPh sb="4" eb="6">
      <t>クベツ</t>
    </rPh>
    <rPh sb="9" eb="11">
      <t>ナマエ</t>
    </rPh>
    <rPh sb="24" eb="26">
      <t>キニュウ</t>
    </rPh>
    <rPh sb="28" eb="30">
      <t>タテモノ</t>
    </rPh>
    <rPh sb="31" eb="33">
      <t>ヨウト</t>
    </rPh>
    <rPh sb="34" eb="36">
      <t>バンゴウ</t>
    </rPh>
    <rPh sb="37" eb="39">
      <t>キニュウ</t>
    </rPh>
    <phoneticPr fontId="2"/>
  </si>
  <si>
    <t>・増改築をしている場合で、耐震診断時に別棟扱いになる場合には、別棟として記載してください。</t>
    <phoneticPr fontId="2"/>
  </si>
  <si>
    <t>建物名（例）　園舎、園舎（増築）、遊戯室棟</t>
    <rPh sb="0" eb="2">
      <t>タテモノ</t>
    </rPh>
    <rPh sb="2" eb="3">
      <t>メイ</t>
    </rPh>
    <rPh sb="4" eb="5">
      <t>レイ</t>
    </rPh>
    <rPh sb="7" eb="9">
      <t>エンシャ</t>
    </rPh>
    <rPh sb="10" eb="12">
      <t>エンシャ</t>
    </rPh>
    <rPh sb="13" eb="15">
      <t>ゾウチク</t>
    </rPh>
    <rPh sb="17" eb="20">
      <t>ユウギシツ</t>
    </rPh>
    <rPh sb="20" eb="21">
      <t>トウ</t>
    </rPh>
    <phoneticPr fontId="2"/>
  </si>
  <si>
    <t>①</t>
    <phoneticPr fontId="2"/>
  </si>
  <si>
    <t>②</t>
    <phoneticPr fontId="2"/>
  </si>
  <si>
    <t>③</t>
    <phoneticPr fontId="2"/>
  </si>
  <si>
    <t>④</t>
    <phoneticPr fontId="2"/>
  </si>
  <si>
    <t>※専用講堂（固定いす等があり、運動場として利用できないもの）は　園舎に含めてください。</t>
    <rPh sb="1" eb="3">
      <t>センヨウ</t>
    </rPh>
    <rPh sb="3" eb="5">
      <t>コウドウ</t>
    </rPh>
    <rPh sb="6" eb="8">
      <t>コテイ</t>
    </rPh>
    <rPh sb="10" eb="11">
      <t>トウ</t>
    </rPh>
    <rPh sb="15" eb="17">
      <t>ウンドウ</t>
    </rPh>
    <rPh sb="17" eb="18">
      <t>ジョウ</t>
    </rPh>
    <phoneticPr fontId="2"/>
  </si>
  <si>
    <t>・昭和56年５月31日以前に建築確認された建物は「○」を、昭和56年５月31日以降に建築された建物は「－」を記入してください。確認日が分からない場合は、昭和56年度末までに建築された建物には「○」を記入してください。</t>
    <rPh sb="1" eb="3">
      <t>ショウワ</t>
    </rPh>
    <rPh sb="5" eb="6">
      <t>ネン</t>
    </rPh>
    <rPh sb="7" eb="8">
      <t>ガツ</t>
    </rPh>
    <rPh sb="10" eb="11">
      <t>ニチ</t>
    </rPh>
    <rPh sb="11" eb="13">
      <t>イゼン</t>
    </rPh>
    <rPh sb="14" eb="16">
      <t>ケンチク</t>
    </rPh>
    <rPh sb="16" eb="18">
      <t>カクニン</t>
    </rPh>
    <rPh sb="21" eb="23">
      <t>タテモノ</t>
    </rPh>
    <rPh sb="39" eb="41">
      <t>イコウ</t>
    </rPh>
    <rPh sb="42" eb="44">
      <t>ケンチク</t>
    </rPh>
    <rPh sb="47" eb="49">
      <t>タテモノ</t>
    </rPh>
    <phoneticPr fontId="2"/>
  </si>
  <si>
    <t>＜構造区分、面積、階数＞</t>
    <rPh sb="1" eb="3">
      <t>コウゾウ</t>
    </rPh>
    <rPh sb="3" eb="5">
      <t>クブン</t>
    </rPh>
    <rPh sb="6" eb="8">
      <t>メンセキ</t>
    </rPh>
    <rPh sb="9" eb="11">
      <t>カイスウ</t>
    </rPh>
    <phoneticPr fontId="2"/>
  </si>
  <si>
    <t>・建物の構造を記号で記入し、建物ごとに延床面積と階数を記入してください。</t>
    <rPh sb="1" eb="3">
      <t>タテモノ</t>
    </rPh>
    <rPh sb="4" eb="6">
      <t>コウゾウ</t>
    </rPh>
    <rPh sb="7" eb="9">
      <t>キゴウ</t>
    </rPh>
    <rPh sb="10" eb="12">
      <t>キニュウ</t>
    </rPh>
    <rPh sb="14" eb="16">
      <t>タテモノ</t>
    </rPh>
    <rPh sb="19" eb="20">
      <t>ノ</t>
    </rPh>
    <rPh sb="20" eb="21">
      <t>ユカ</t>
    </rPh>
    <rPh sb="21" eb="23">
      <t>メンセキ</t>
    </rPh>
    <rPh sb="24" eb="26">
      <t>カイスウ</t>
    </rPh>
    <rPh sb="27" eb="29">
      <t>キニュウ</t>
    </rPh>
    <phoneticPr fontId="2"/>
  </si>
  <si>
    <t>・面積に含める範囲は、学校基本調査と同じとしますが、少数第３位を四捨五入してください。</t>
    <rPh sb="1" eb="3">
      <t>メンセキ</t>
    </rPh>
    <rPh sb="4" eb="5">
      <t>フク</t>
    </rPh>
    <rPh sb="7" eb="9">
      <t>ハンイ</t>
    </rPh>
    <rPh sb="11" eb="13">
      <t>ガッコウ</t>
    </rPh>
    <rPh sb="13" eb="15">
      <t>キホン</t>
    </rPh>
    <rPh sb="15" eb="17">
      <t>チョウサ</t>
    </rPh>
    <rPh sb="18" eb="19">
      <t>オナ</t>
    </rPh>
    <rPh sb="26" eb="28">
      <t>ショウスウ</t>
    </rPh>
    <rPh sb="28" eb="29">
      <t>ダイ</t>
    </rPh>
    <rPh sb="30" eb="31">
      <t>イ</t>
    </rPh>
    <rPh sb="32" eb="36">
      <t>シシャゴニュウ</t>
    </rPh>
    <phoneticPr fontId="2"/>
  </si>
  <si>
    <t>ＳＲＣ</t>
    <phoneticPr fontId="2"/>
  </si>
  <si>
    <t>ＲＣ</t>
    <phoneticPr fontId="2"/>
  </si>
  <si>
    <t>Ｓ</t>
    <phoneticPr fontId="2"/>
  </si>
  <si>
    <t>Ｗ</t>
    <phoneticPr fontId="2"/>
  </si>
  <si>
    <t>＜耐震診断、Is値、耐震化等（「S56年以前」の欄が「－」の建物）＞</t>
    <rPh sb="1" eb="3">
      <t>タイシン</t>
    </rPh>
    <rPh sb="3" eb="5">
      <t>シンダン</t>
    </rPh>
    <rPh sb="8" eb="9">
      <t>アタイ</t>
    </rPh>
    <rPh sb="10" eb="13">
      <t>タイシンカ</t>
    </rPh>
    <rPh sb="13" eb="14">
      <t>トウ</t>
    </rPh>
    <rPh sb="19" eb="22">
      <t>ネンイゼン</t>
    </rPh>
    <rPh sb="24" eb="25">
      <t>ラン</t>
    </rPh>
    <rPh sb="30" eb="32">
      <t>タテモノ</t>
    </rPh>
    <phoneticPr fontId="2"/>
  </si>
  <si>
    <t>・耐震診断以降の欄には「－」を記入してください。</t>
    <rPh sb="1" eb="3">
      <t>タイシン</t>
    </rPh>
    <rPh sb="3" eb="5">
      <t>シンダン</t>
    </rPh>
    <rPh sb="5" eb="7">
      <t>イコウ</t>
    </rPh>
    <rPh sb="8" eb="9">
      <t>ラン</t>
    </rPh>
    <rPh sb="15" eb="17">
      <t>キニュウ</t>
    </rPh>
    <phoneticPr fontId="2"/>
  </si>
  <si>
    <t>＜耐震診断、Is値等（「S56年以前」の欄が「○」の建物）＞</t>
    <rPh sb="1" eb="3">
      <t>タイシン</t>
    </rPh>
    <rPh sb="3" eb="5">
      <t>シンダン</t>
    </rPh>
    <rPh sb="8" eb="9">
      <t>アタイ</t>
    </rPh>
    <rPh sb="9" eb="10">
      <t>トウ</t>
    </rPh>
    <rPh sb="15" eb="18">
      <t>ネンイゼン</t>
    </rPh>
    <rPh sb="20" eb="21">
      <t>ラン</t>
    </rPh>
    <rPh sb="26" eb="28">
      <t>タテモノ</t>
    </rPh>
    <phoneticPr fontId="2"/>
  </si>
  <si>
    <t>・耐震診断の実施状況を番号で記入し、実施済みの場合はIs値（またはIw値）を記入してください。</t>
    <rPh sb="6" eb="8">
      <t>ジッシ</t>
    </rPh>
    <rPh sb="11" eb="13">
      <t>バンゴウ</t>
    </rPh>
    <rPh sb="18" eb="20">
      <t>ジッシ</t>
    </rPh>
    <rPh sb="20" eb="21">
      <t>ズ</t>
    </rPh>
    <rPh sb="23" eb="25">
      <t>バアイ</t>
    </rPh>
    <rPh sb="28" eb="29">
      <t>アタイ</t>
    </rPh>
    <rPh sb="35" eb="36">
      <t>アタイ</t>
    </rPh>
    <rPh sb="38" eb="40">
      <t>キニュウ</t>
    </rPh>
    <phoneticPr fontId="2"/>
  </si>
  <si>
    <t>耐震診断の実施状況</t>
    <rPh sb="0" eb="2">
      <t>タイシン</t>
    </rPh>
    <rPh sb="2" eb="4">
      <t>シンダン</t>
    </rPh>
    <rPh sb="5" eb="7">
      <t>ジッシ</t>
    </rPh>
    <rPh sb="7" eb="9">
      <t>ジョウキョウ</t>
    </rPh>
    <phoneticPr fontId="2"/>
  </si>
  <si>
    <t>未実施理由</t>
    <rPh sb="0" eb="1">
      <t>ミ</t>
    </rPh>
    <rPh sb="1" eb="3">
      <t>ジッシ</t>
    </rPh>
    <rPh sb="3" eb="5">
      <t>リユウ</t>
    </rPh>
    <phoneticPr fontId="2"/>
  </si>
  <si>
    <t>－</t>
    <phoneticPr fontId="2"/>
  </si>
  <si>
    <t>・未実施の場合は実施しない理由を番号を記入てください。</t>
    <rPh sb="19" eb="21">
      <t>キニュウ</t>
    </rPh>
    <phoneticPr fontId="2"/>
  </si>
  <si>
    <t>３．耐震診断を行っても、その後の耐震事業費の目途が立たない</t>
    <rPh sb="2" eb="4">
      <t>タイシン</t>
    </rPh>
    <rPh sb="4" eb="6">
      <t>シンダン</t>
    </rPh>
    <rPh sb="7" eb="8">
      <t>オコナ</t>
    </rPh>
    <rPh sb="14" eb="15">
      <t>ゴ</t>
    </rPh>
    <rPh sb="16" eb="18">
      <t>タイシン</t>
    </rPh>
    <rPh sb="18" eb="21">
      <t>ジギョウヒ</t>
    </rPh>
    <rPh sb="22" eb="24">
      <t>メド</t>
    </rPh>
    <rPh sb="25" eb="26">
      <t>タ</t>
    </rPh>
    <phoneticPr fontId="2"/>
  </si>
  <si>
    <t>耐震化の予定</t>
    <rPh sb="0" eb="2">
      <t>タイシン</t>
    </rPh>
    <rPh sb="2" eb="3">
      <t>カ</t>
    </rPh>
    <rPh sb="4" eb="6">
      <t>ヨテイ</t>
    </rPh>
    <phoneticPr fontId="2"/>
  </si>
  <si>
    <t>②非構造部材の耐震点検・耐震対策状況調査及び避難所指定等</t>
    <rPh sb="1" eb="2">
      <t>ヒ</t>
    </rPh>
    <rPh sb="2" eb="4">
      <t>コウゾウ</t>
    </rPh>
    <rPh sb="4" eb="6">
      <t>ブザイ</t>
    </rPh>
    <rPh sb="7" eb="9">
      <t>タイシン</t>
    </rPh>
    <rPh sb="9" eb="11">
      <t>テンケン</t>
    </rPh>
    <rPh sb="12" eb="14">
      <t>タイシン</t>
    </rPh>
    <rPh sb="14" eb="16">
      <t>タイサク</t>
    </rPh>
    <rPh sb="16" eb="18">
      <t>ジョウキョウ</t>
    </rPh>
    <rPh sb="18" eb="20">
      <t>チョウサ</t>
    </rPh>
    <rPh sb="20" eb="21">
      <t>オヨ</t>
    </rPh>
    <rPh sb="22" eb="25">
      <t>ヒナンジョ</t>
    </rPh>
    <rPh sb="25" eb="27">
      <t>シテイ</t>
    </rPh>
    <rPh sb="27" eb="28">
      <t>トウ</t>
    </rPh>
    <phoneticPr fontId="2"/>
  </si>
  <si>
    <t>１　屋内運動場等の落下防止対策</t>
    <phoneticPr fontId="2"/>
  </si>
  <si>
    <t>＜総点検を実施した棟数＞</t>
    <rPh sb="1" eb="4">
      <t>ソウテンケン</t>
    </rPh>
    <rPh sb="5" eb="7">
      <t>ジッシ</t>
    </rPh>
    <rPh sb="9" eb="10">
      <t>トウ</t>
    </rPh>
    <rPh sb="10" eb="11">
      <t>スウ</t>
    </rPh>
    <phoneticPr fontId="2"/>
  </si>
  <si>
    <t>・学校設置者（専門家や設計事務所等への委託を含む。）が「学校施設における天井等落下防止対策のための手引（平成25年８月）」などを参考に、総点検を実施した棟数を記入してください。（必ずしも手引による必要はありません。）</t>
    <phoneticPr fontId="2"/>
  </si>
  <si>
    <t xml:space="preserve">　※総点検を実施せずに落下防止対策を実施した場合は、総点検を実施したこととみなしてください。
</t>
    <phoneticPr fontId="2"/>
  </si>
  <si>
    <t>＜吊り天井・照明・バスケットゴールの全ての落下防止対策済み棟数＞</t>
    <phoneticPr fontId="2"/>
  </si>
  <si>
    <t>・学校設置者が「学校施設における天井等落下防止対策のための手引（平成25年８月）」などを参考に耐震対策を実施した棟数を記入してください。</t>
    <phoneticPr fontId="2"/>
  </si>
  <si>
    <t xml:space="preserve">　※耐震点検の結果、すでに対策が実施されていた棟数も含めてください。
</t>
    <phoneticPr fontId="2"/>
  </si>
  <si>
    <t>２　非構造部材の耐震対策</t>
    <phoneticPr fontId="2"/>
  </si>
  <si>
    <t>＜耐震点検＞</t>
    <rPh sb="1" eb="3">
      <t>タイシン</t>
    </rPh>
    <rPh sb="3" eb="5">
      <t>テンケン</t>
    </rPh>
    <phoneticPr fontId="2"/>
  </si>
  <si>
    <t>・人に重大な被害を与える恐れがあると判断する箇所の点検を実施している場合は「○」を記入してください。</t>
    <phoneticPr fontId="2"/>
  </si>
  <si>
    <t>点検主体</t>
    <rPh sb="0" eb="2">
      <t>テンケン</t>
    </rPh>
    <rPh sb="2" eb="4">
      <t>シュタイ</t>
    </rPh>
    <phoneticPr fontId="2"/>
  </si>
  <si>
    <t>点検の概要</t>
    <phoneticPr fontId="2"/>
  </si>
  <si>
    <t>点検の時期</t>
    <rPh sb="0" eb="2">
      <t>テンケン</t>
    </rPh>
    <rPh sb="3" eb="5">
      <t>ジキ</t>
    </rPh>
    <phoneticPr fontId="2"/>
  </si>
  <si>
    <t>施設を日常的に使用する者として、何らかの異変がないか確認し、その点検結果を学校設置者に報告し、学校設置者が点検する際の参考とすることが目的。</t>
    <phoneticPr fontId="2"/>
  </si>
  <si>
    <t>＜耐震対策＞</t>
    <rPh sb="1" eb="3">
      <t>タイシン</t>
    </rPh>
    <rPh sb="3" eb="5">
      <t>タイサク</t>
    </rPh>
    <phoneticPr fontId="2"/>
  </si>
  <si>
    <t>・耐震点検の結果を踏まえ、全ての耐震対策を実施済みの場合は「○」を記入してください。</t>
    <rPh sb="1" eb="3">
      <t>タイシン</t>
    </rPh>
    <rPh sb="3" eb="5">
      <t>テンケン</t>
    </rPh>
    <rPh sb="6" eb="8">
      <t>ケッカ</t>
    </rPh>
    <rPh sb="9" eb="10">
      <t>フ</t>
    </rPh>
    <rPh sb="13" eb="14">
      <t>スベ</t>
    </rPh>
    <rPh sb="16" eb="18">
      <t>タイシン</t>
    </rPh>
    <rPh sb="18" eb="20">
      <t>タイサク</t>
    </rPh>
    <rPh sb="21" eb="23">
      <t>ジッシ</t>
    </rPh>
    <rPh sb="23" eb="24">
      <t>ズ</t>
    </rPh>
    <rPh sb="33" eb="35">
      <t>キニュウ</t>
    </rPh>
    <phoneticPr fontId="2"/>
  </si>
  <si>
    <t>　※耐震点検の結果、すでに対策が実施されていた場合も含みます。</t>
    <rPh sb="23" eb="25">
      <t>バアイ</t>
    </rPh>
    <rPh sb="26" eb="27">
      <t>フク</t>
    </rPh>
    <phoneticPr fontId="2"/>
  </si>
  <si>
    <t>３　避難所指定等</t>
  </si>
  <si>
    <t>鉄骨鉄筋コンクリート造</t>
    <rPh sb="0" eb="2">
      <t>テッコツ</t>
    </rPh>
    <rPh sb="2" eb="4">
      <t>テッキン</t>
    </rPh>
    <rPh sb="10" eb="11">
      <t>ゾウ</t>
    </rPh>
    <phoneticPr fontId="2"/>
  </si>
  <si>
    <t>鉄筋コンクリート造</t>
    <rPh sb="0" eb="2">
      <t>テッキン</t>
    </rPh>
    <rPh sb="8" eb="9">
      <t>ゾウ</t>
    </rPh>
    <phoneticPr fontId="2"/>
  </si>
  <si>
    <t>左記以外または不明</t>
    <rPh sb="0" eb="2">
      <t>サキ</t>
    </rPh>
    <rPh sb="2" eb="4">
      <t>イガイ</t>
    </rPh>
    <rPh sb="7" eb="9">
      <t>フメイ</t>
    </rPh>
    <phoneticPr fontId="2"/>
  </si>
  <si>
    <t>　　実施済みとしてください。</t>
    <rPh sb="2" eb="4">
      <t>ジッシ</t>
    </rPh>
    <rPh sb="4" eb="5">
      <t>ズ</t>
    </rPh>
    <phoneticPr fontId="2"/>
  </si>
  <si>
    <t>　※人に重大な被害を与える恐れがあると判断する箇所について全て耐震対策していれば、その他の箇所の対策が未実施でも、</t>
    <rPh sb="2" eb="3">
      <t>ヒト</t>
    </rPh>
    <rPh sb="4" eb="6">
      <t>ジュウダイ</t>
    </rPh>
    <rPh sb="7" eb="9">
      <t>ヒガイ</t>
    </rPh>
    <rPh sb="10" eb="11">
      <t>アタ</t>
    </rPh>
    <rPh sb="13" eb="14">
      <t>オソ</t>
    </rPh>
    <rPh sb="19" eb="21">
      <t>ハンダン</t>
    </rPh>
    <rPh sb="23" eb="25">
      <t>カショ</t>
    </rPh>
    <rPh sb="29" eb="30">
      <t>スベ</t>
    </rPh>
    <rPh sb="31" eb="33">
      <t>タイシン</t>
    </rPh>
    <rPh sb="33" eb="35">
      <t>タイサク</t>
    </rPh>
    <phoneticPr fontId="2"/>
  </si>
  <si>
    <t>（１）原則として辞令面によるが、辞令面で明らかでない場合は、主たる勤務校を本務とし、それ以外</t>
    <rPh sb="16" eb="18">
      <t>ジレイ</t>
    </rPh>
    <rPh sb="18" eb="19">
      <t>メン</t>
    </rPh>
    <rPh sb="20" eb="21">
      <t>アキ</t>
    </rPh>
    <rPh sb="26" eb="28">
      <t>バアイ</t>
    </rPh>
    <rPh sb="30" eb="31">
      <t>シュ</t>
    </rPh>
    <rPh sb="33" eb="35">
      <t>キンム</t>
    </rPh>
    <rPh sb="35" eb="36">
      <t>コウ</t>
    </rPh>
    <rPh sb="37" eb="39">
      <t>ホンム</t>
    </rPh>
    <rPh sb="44" eb="46">
      <t>イガイ</t>
    </rPh>
    <phoneticPr fontId="2"/>
  </si>
  <si>
    <t>　　　は兼務とする。なお、主たる勤務校の判断は次による。</t>
    <rPh sb="13" eb="14">
      <t>シュ</t>
    </rPh>
    <rPh sb="16" eb="18">
      <t>キンム</t>
    </rPh>
    <rPh sb="18" eb="19">
      <t>コウ</t>
    </rPh>
    <rPh sb="20" eb="22">
      <t>ハンダン</t>
    </rPh>
    <rPh sb="23" eb="24">
      <t>ツギ</t>
    </rPh>
    <phoneticPr fontId="2"/>
  </si>
  <si>
    <t>＜対策未実施の棟数（点検未実施、対策を一部未実施含む）＞</t>
    <rPh sb="1" eb="3">
      <t>タイサク</t>
    </rPh>
    <rPh sb="3" eb="6">
      <t>ミジッシ</t>
    </rPh>
    <rPh sb="7" eb="9">
      <t>トウスウ</t>
    </rPh>
    <rPh sb="10" eb="12">
      <t>テンケン</t>
    </rPh>
    <rPh sb="12" eb="15">
      <t>ミジッシ</t>
    </rPh>
    <rPh sb="16" eb="18">
      <t>タイサク</t>
    </rPh>
    <rPh sb="19" eb="21">
      <t>イチブ</t>
    </rPh>
    <rPh sb="21" eb="24">
      <t>ミジッシ</t>
    </rPh>
    <rPh sb="24" eb="25">
      <t>フク</t>
    </rPh>
    <phoneticPr fontId="2"/>
  </si>
  <si>
    <t>・点検未実施のものや、対策を一部未実施のものの棟数を記入してください。</t>
    <rPh sb="1" eb="3">
      <t>テンケン</t>
    </rPh>
    <rPh sb="3" eb="6">
      <t>ミジッシ</t>
    </rPh>
    <rPh sb="11" eb="13">
      <t>タイサク</t>
    </rPh>
    <rPh sb="14" eb="16">
      <t>イチブ</t>
    </rPh>
    <rPh sb="16" eb="19">
      <t>ミジッシ</t>
    </rPh>
    <rPh sb="23" eb="25">
      <t>トウスウ</t>
    </rPh>
    <rPh sb="26" eb="28">
      <t>キニュウ</t>
    </rPh>
    <phoneticPr fontId="2"/>
  </si>
  <si>
    <t>学校教職員等</t>
    <rPh sb="5" eb="6">
      <t>トウ</t>
    </rPh>
    <phoneticPr fontId="2"/>
  </si>
  <si>
    <t>専門家</t>
    <rPh sb="0" eb="2">
      <t>センモン</t>
    </rPh>
    <rPh sb="2" eb="3">
      <t>イエ</t>
    </rPh>
    <phoneticPr fontId="2"/>
  </si>
  <si>
    <t>建築物に関する専門的な知識を要する項目で、専門家による点検を実施している。ただし、内部に専門家がいて、その者が点検を実施している場合は、必ずしも外部の専門家である必要はありません。</t>
    <rPh sb="27" eb="29">
      <t>テンケン</t>
    </rPh>
    <rPh sb="30" eb="32">
      <t>ジッシ</t>
    </rPh>
    <rPh sb="53" eb="54">
      <t>モノ</t>
    </rPh>
    <rPh sb="55" eb="57">
      <t>テンケン</t>
    </rPh>
    <rPh sb="58" eb="60">
      <t>ジッシ</t>
    </rPh>
    <phoneticPr fontId="2"/>
  </si>
  <si>
    <t>２．耐震診断費の目途が立っていない</t>
    <phoneticPr fontId="2"/>
  </si>
  <si>
    <t>１．今後、建物を使用しなくなる予定（「年月、理由等）欄に年月を記入してください。）</t>
    <rPh sb="19" eb="21">
      <t>ネンゲツ</t>
    </rPh>
    <rPh sb="22" eb="24">
      <t>リユウ</t>
    </rPh>
    <rPh sb="24" eb="25">
      <t>トウ</t>
    </rPh>
    <rPh sb="26" eb="27">
      <t>ラン</t>
    </rPh>
    <rPh sb="28" eb="30">
      <t>ネンゲツ</t>
    </rPh>
    <rPh sb="31" eb="33">
      <t>キニュウ</t>
    </rPh>
    <phoneticPr fontId="2"/>
  </si>
  <si>
    <t>４．取り壊し予定である（「年月、理由等）欄に年月を記入してください。）</t>
    <rPh sb="2" eb="3">
      <t>ト</t>
    </rPh>
    <rPh sb="4" eb="5">
      <t>コワ</t>
    </rPh>
    <rPh sb="6" eb="8">
      <t>ヨテイ</t>
    </rPh>
    <phoneticPr fontId="2"/>
  </si>
  <si>
    <t>＜現状の耐震性（「S56年以前」の欄が「○」の建物）＞</t>
    <rPh sb="1" eb="3">
      <t>ゲンジョウ</t>
    </rPh>
    <rPh sb="4" eb="7">
      <t>タイシンセイ</t>
    </rPh>
    <rPh sb="12" eb="15">
      <t>ネンイゼン</t>
    </rPh>
    <rPh sb="17" eb="18">
      <t>ラン</t>
    </rPh>
    <rPh sb="23" eb="25">
      <t>タテモノ</t>
    </rPh>
    <phoneticPr fontId="2"/>
  </si>
  <si>
    <t>・現状の耐震性を番号で記入してください。</t>
    <rPh sb="1" eb="3">
      <t>ゲンジョウ</t>
    </rPh>
    <rPh sb="4" eb="7">
      <t>タイシンセイ</t>
    </rPh>
    <rPh sb="8" eb="10">
      <t>バンゴウ</t>
    </rPh>
    <phoneticPr fontId="2"/>
  </si>
  <si>
    <t>耐震診断の結果、耐震性あり</t>
    <rPh sb="0" eb="2">
      <t>タイシン</t>
    </rPh>
    <rPh sb="2" eb="4">
      <t>シンダン</t>
    </rPh>
    <rPh sb="5" eb="7">
      <t>ケッカ</t>
    </rPh>
    <rPh sb="8" eb="11">
      <t>タイシンセイ</t>
    </rPh>
    <phoneticPr fontId="2"/>
  </si>
  <si>
    <t>耐震化実施済み</t>
    <rPh sb="0" eb="3">
      <t>タイシンカ</t>
    </rPh>
    <rPh sb="3" eb="5">
      <t>ジッシ</t>
    </rPh>
    <rPh sb="5" eb="6">
      <t>ズ</t>
    </rPh>
    <phoneticPr fontId="2"/>
  </si>
  <si>
    <t>耐震性なし</t>
    <rPh sb="0" eb="3">
      <t>タイシンセイ</t>
    </rPh>
    <phoneticPr fontId="2"/>
  </si>
  <si>
    <t>診断未実施のため不明</t>
    <rPh sb="0" eb="2">
      <t>シンダン</t>
    </rPh>
    <rPh sb="2" eb="5">
      <t>ミジッシ</t>
    </rPh>
    <rPh sb="8" eb="10">
      <t>フメイ</t>
    </rPh>
    <phoneticPr fontId="2"/>
  </si>
  <si>
    <t>・耐震化の予定を番号で記入してください。</t>
    <rPh sb="1" eb="4">
      <t>タイシンカ</t>
    </rPh>
    <rPh sb="5" eb="7">
      <t>ヨテイ</t>
    </rPh>
    <rPh sb="8" eb="10">
      <t>バンゴウ</t>
    </rPh>
    <phoneticPr fontId="2"/>
  </si>
  <si>
    <t>現状の耐震性</t>
    <rPh sb="0" eb="2">
      <t>ゲンジョウ</t>
    </rPh>
    <rPh sb="3" eb="6">
      <t>タイシンセイ</t>
    </rPh>
    <phoneticPr fontId="2"/>
  </si>
  <si>
    <t>検討中（未定）</t>
    <rPh sb="0" eb="3">
      <t>ケントウチュウ</t>
    </rPh>
    <rPh sb="4" eb="6">
      <t>ミテイ</t>
    </rPh>
    <phoneticPr fontId="2"/>
  </si>
  <si>
    <t>年月、理由等</t>
    <rPh sb="0" eb="2">
      <t>ネンゲツ</t>
    </rPh>
    <rPh sb="3" eb="5">
      <t>リユウ</t>
    </rPh>
    <rPh sb="5" eb="6">
      <t>トウ</t>
    </rPh>
    <phoneticPr fontId="2"/>
  </si>
  <si>
    <t>※「耐震性あり」とは、Is値が0.6以上の場合をいいます。</t>
    <rPh sb="2" eb="5">
      <t>タイシンセイ</t>
    </rPh>
    <rPh sb="13" eb="14">
      <t>チ</t>
    </rPh>
    <rPh sb="18" eb="20">
      <t>イジョウ</t>
    </rPh>
    <rPh sb="21" eb="23">
      <t>バアイ</t>
    </rPh>
    <phoneticPr fontId="2"/>
  </si>
  <si>
    <t>・耐震化の方法を番号で記入してください。</t>
    <rPh sb="1" eb="4">
      <t>タイシンカ</t>
    </rPh>
    <rPh sb="5" eb="7">
      <t>ホウホウ</t>
    </rPh>
    <rPh sb="8" eb="10">
      <t>バンゴウ</t>
    </rPh>
    <phoneticPr fontId="2"/>
  </si>
  <si>
    <t>耐震化の方法</t>
    <rPh sb="0" eb="2">
      <t>タイシン</t>
    </rPh>
    <rPh sb="2" eb="3">
      <t>カ</t>
    </rPh>
    <rPh sb="4" eb="6">
      <t>ホウホウ</t>
    </rPh>
    <phoneticPr fontId="2"/>
  </si>
  <si>
    <t>耐震補強</t>
    <rPh sb="0" eb="2">
      <t>タイシン</t>
    </rPh>
    <rPh sb="2" eb="4">
      <t>ホキョウ</t>
    </rPh>
    <phoneticPr fontId="2"/>
  </si>
  <si>
    <t>耐震改築（建替え）</t>
    <rPh sb="0" eb="2">
      <t>タイシン</t>
    </rPh>
    <rPh sb="2" eb="4">
      <t>カイチク</t>
    </rPh>
    <rPh sb="5" eb="7">
      <t>タテカ</t>
    </rPh>
    <phoneticPr fontId="2"/>
  </si>
  <si>
    <t>未使用化</t>
    <rPh sb="0" eb="3">
      <t>ミシヨウ</t>
    </rPh>
    <rPh sb="3" eb="4">
      <t>カ</t>
    </rPh>
    <phoneticPr fontId="2"/>
  </si>
  <si>
    <t>取壊し</t>
    <rPh sb="0" eb="2">
      <t>トリコワ</t>
    </rPh>
    <phoneticPr fontId="2"/>
  </si>
  <si>
    <t>移転予定</t>
    <rPh sb="0" eb="2">
      <t>イテン</t>
    </rPh>
    <rPh sb="2" eb="4">
      <t>ヨテイ</t>
    </rPh>
    <phoneticPr fontId="2"/>
  </si>
  <si>
    <t>土地が狭あいで仮設校舎や建替えの用地を確保できない</t>
    <rPh sb="0" eb="2">
      <t>トチ</t>
    </rPh>
    <rPh sb="3" eb="4">
      <t>キョウ</t>
    </rPh>
    <rPh sb="7" eb="9">
      <t>カセツ</t>
    </rPh>
    <rPh sb="9" eb="11">
      <t>コウシャ</t>
    </rPh>
    <rPh sb="12" eb="14">
      <t>タテカ</t>
    </rPh>
    <rPh sb="16" eb="18">
      <t>ヨウチ</t>
    </rPh>
    <rPh sb="19" eb="21">
      <t>カクホ</t>
    </rPh>
    <phoneticPr fontId="2"/>
  </si>
  <si>
    <t>事業費の目途が立っていない</t>
    <rPh sb="0" eb="3">
      <t>ジギョウヒ</t>
    </rPh>
    <rPh sb="4" eb="6">
      <t>メド</t>
    </rPh>
    <rPh sb="7" eb="8">
      <t>タ</t>
    </rPh>
    <phoneticPr fontId="2"/>
  </si>
  <si>
    <t>現建物の使用者が移転する新建物を建設中</t>
    <rPh sb="0" eb="1">
      <t>ゲン</t>
    </rPh>
    <rPh sb="1" eb="3">
      <t>タテモノ</t>
    </rPh>
    <rPh sb="4" eb="7">
      <t>シヨウシャ</t>
    </rPh>
    <rPh sb="8" eb="10">
      <t>イテン</t>
    </rPh>
    <rPh sb="12" eb="15">
      <t>シンタテモノ</t>
    </rPh>
    <rPh sb="16" eb="19">
      <t>ケンセツチュウ</t>
    </rPh>
    <phoneticPr fontId="2"/>
  </si>
  <si>
    <t>他の建物の耐震補強等の実施を優先的に実施しており、その建物の耐震化を完了後に実施予定</t>
    <phoneticPr fontId="2"/>
  </si>
  <si>
    <t>耐震化予定なしの理由</t>
    <rPh sb="0" eb="2">
      <t>タイシン</t>
    </rPh>
    <rPh sb="2" eb="3">
      <t>カ</t>
    </rPh>
    <rPh sb="3" eb="5">
      <t>ヨテイ</t>
    </rPh>
    <rPh sb="8" eb="10">
      <t>リユウ</t>
    </rPh>
    <phoneticPr fontId="2"/>
  </si>
  <si>
    <t>耐震診断
未実施理由</t>
    <rPh sb="0" eb="2">
      <t>タイシン</t>
    </rPh>
    <rPh sb="2" eb="4">
      <t>シンダン</t>
    </rPh>
    <rPh sb="5" eb="8">
      <t>ミジッシ</t>
    </rPh>
    <rPh sb="8" eb="10">
      <t>リユウ</t>
    </rPh>
    <phoneticPr fontId="2"/>
  </si>
  <si>
    <t>年月、
理由等</t>
    <rPh sb="0" eb="2">
      <t>ネンゲツ</t>
    </rPh>
    <rPh sb="4" eb="6">
      <t>リユウ</t>
    </rPh>
    <rPh sb="6" eb="7">
      <t>トウ</t>
    </rPh>
    <phoneticPr fontId="2"/>
  </si>
  <si>
    <t>現状の
耐震性</t>
    <rPh sb="0" eb="2">
      <t>ゲンジョウ</t>
    </rPh>
    <rPh sb="4" eb="7">
      <t>タイシンセイ</t>
    </rPh>
    <phoneticPr fontId="14"/>
  </si>
  <si>
    <t>耐震化
予定</t>
    <rPh sb="0" eb="3">
      <t>タイシンカ</t>
    </rPh>
    <rPh sb="4" eb="6">
      <t>ヨテイ</t>
    </rPh>
    <phoneticPr fontId="2"/>
  </si>
  <si>
    <t>具体的な
理由</t>
    <rPh sb="0" eb="3">
      <t>グタイテキ</t>
    </rPh>
    <rPh sb="5" eb="7">
      <t>リユウ</t>
    </rPh>
    <phoneticPr fontId="2"/>
  </si>
  <si>
    <t>その他（右欄の「具体的な理由」欄に具体的な理由を記入してください。）</t>
    <rPh sb="2" eb="3">
      <t>タ</t>
    </rPh>
    <rPh sb="4" eb="5">
      <t>ミギ</t>
    </rPh>
    <rPh sb="5" eb="6">
      <t>ラン</t>
    </rPh>
    <rPh sb="8" eb="11">
      <t>グタイテキ</t>
    </rPh>
    <rPh sb="12" eb="14">
      <t>リユウ</t>
    </rPh>
    <rPh sb="15" eb="16">
      <t>ラン</t>
    </rPh>
    <rPh sb="17" eb="20">
      <t>グタイテキ</t>
    </rPh>
    <rPh sb="21" eb="23">
      <t>リユウ</t>
    </rPh>
    <rPh sb="24" eb="26">
      <t>キニュウ</t>
    </rPh>
    <phoneticPr fontId="2"/>
  </si>
  <si>
    <t>耐震化
の方法</t>
    <rPh sb="0" eb="3">
      <t>タイシンカ</t>
    </rPh>
    <rPh sb="5" eb="7">
      <t>ホウホウ</t>
    </rPh>
    <phoneticPr fontId="2"/>
  </si>
  <si>
    <t>―</t>
    <phoneticPr fontId="2"/>
  </si>
  <si>
    <t>―</t>
    <phoneticPr fontId="2"/>
  </si>
  <si>
    <t>―</t>
    <phoneticPr fontId="2"/>
  </si>
  <si>
    <t>６．その他（「年月、理由等）欄に具体的な理由を記入してください。）</t>
    <rPh sb="4" eb="5">
      <t>タ</t>
    </rPh>
    <rPh sb="16" eb="19">
      <t>グタイテキ</t>
    </rPh>
    <rPh sb="20" eb="22">
      <t>リユウ</t>
    </rPh>
    <phoneticPr fontId="2"/>
  </si>
  <si>
    <t>５．本年度に耐震診断を実施予定（実施中含む）</t>
    <rPh sb="2" eb="5">
      <t>ホンネンド</t>
    </rPh>
    <rPh sb="11" eb="13">
      <t>ジッシ</t>
    </rPh>
    <rPh sb="13" eb="15">
      <t>ヨテイ</t>
    </rPh>
    <rPh sb="16" eb="19">
      <t>ジッシチュウ</t>
    </rPh>
    <rPh sb="19" eb="20">
      <t>フク</t>
    </rPh>
    <phoneticPr fontId="2"/>
  </si>
  <si>
    <t>未実施（本年度実施含む）</t>
    <rPh sb="0" eb="3">
      <t>ミジッシ</t>
    </rPh>
    <rPh sb="4" eb="6">
      <t>ホンネン</t>
    </rPh>
    <rPh sb="6" eb="7">
      <t>ド</t>
    </rPh>
    <rPh sb="7" eb="9">
      <t>ジッシ</t>
    </rPh>
    <rPh sb="9" eb="10">
      <t>フク</t>
    </rPh>
    <phoneticPr fontId="2"/>
  </si>
  <si>
    <t>　※竣工後、３年以内は竣工検査をもって専門家による耐震点検を実施したものとみなします。</t>
    <rPh sb="2" eb="4">
      <t>シュンコウ</t>
    </rPh>
    <rPh sb="4" eb="5">
      <t>ゴ</t>
    </rPh>
    <rPh sb="7" eb="8">
      <t>ネン</t>
    </rPh>
    <rPh sb="8" eb="10">
      <t>イナイ</t>
    </rPh>
    <rPh sb="11" eb="13">
      <t>シュンコウ</t>
    </rPh>
    <rPh sb="13" eb="15">
      <t>ケンサ</t>
    </rPh>
    <rPh sb="19" eb="22">
      <t>センモンカ</t>
    </rPh>
    <rPh sb="25" eb="27">
      <t>タイシン</t>
    </rPh>
    <rPh sb="27" eb="29">
      <t>テンケン</t>
    </rPh>
    <rPh sb="30" eb="32">
      <t>ジッシ</t>
    </rPh>
    <phoneticPr fontId="2"/>
  </si>
  <si>
    <t>　※耐震点検を実施せずに耐震対策を実施した場合は、耐震対策をしてから３年以内は専門家による耐震点検を
　　実施したこととみなしてください。</t>
    <rPh sb="2" eb="4">
      <t>タイシン</t>
    </rPh>
    <rPh sb="4" eb="6">
      <t>テンケン</t>
    </rPh>
    <rPh sb="7" eb="9">
      <t>ジッシ</t>
    </rPh>
    <rPh sb="12" eb="14">
      <t>タイシン</t>
    </rPh>
    <rPh sb="14" eb="16">
      <t>タイサク</t>
    </rPh>
    <rPh sb="17" eb="19">
      <t>ジッシ</t>
    </rPh>
    <rPh sb="21" eb="23">
      <t>バアイ</t>
    </rPh>
    <rPh sb="25" eb="27">
      <t>タイシン</t>
    </rPh>
    <rPh sb="27" eb="29">
      <t>タイサク</t>
    </rPh>
    <rPh sb="35" eb="36">
      <t>ネン</t>
    </rPh>
    <rPh sb="36" eb="38">
      <t>イナイ</t>
    </rPh>
    <rPh sb="39" eb="42">
      <t>センモンカ</t>
    </rPh>
    <rPh sb="45" eb="47">
      <t>タイシン</t>
    </rPh>
    <rPh sb="47" eb="49">
      <t>テンケン</t>
    </rPh>
    <rPh sb="53" eb="55">
      <t>ジッシ</t>
    </rPh>
    <phoneticPr fontId="2"/>
  </si>
  <si>
    <t>（３）休職者、介護休業者及び育児休業者並びに産休代替者及び育児休業代替者も上記により同様に</t>
    <rPh sb="3" eb="5">
      <t>キュウショク</t>
    </rPh>
    <rPh sb="5" eb="6">
      <t>シャ</t>
    </rPh>
    <rPh sb="7" eb="9">
      <t>カイゴ</t>
    </rPh>
    <rPh sb="9" eb="11">
      <t>キュウギョウ</t>
    </rPh>
    <rPh sb="11" eb="12">
      <t>シャ</t>
    </rPh>
    <rPh sb="12" eb="13">
      <t>オヨ</t>
    </rPh>
    <rPh sb="14" eb="16">
      <t>イクジ</t>
    </rPh>
    <rPh sb="16" eb="18">
      <t>キュウギョウ</t>
    </rPh>
    <rPh sb="18" eb="19">
      <t>シャ</t>
    </rPh>
    <rPh sb="19" eb="20">
      <t>ナラ</t>
    </rPh>
    <rPh sb="22" eb="24">
      <t>サンキュウ</t>
    </rPh>
    <rPh sb="24" eb="26">
      <t>ダイタイ</t>
    </rPh>
    <rPh sb="26" eb="27">
      <t>シャ</t>
    </rPh>
    <rPh sb="27" eb="28">
      <t>オヨ</t>
    </rPh>
    <rPh sb="29" eb="31">
      <t>イクジ</t>
    </rPh>
    <rPh sb="31" eb="33">
      <t>キュウギョウ</t>
    </rPh>
    <rPh sb="33" eb="35">
      <t>ダイタイ</t>
    </rPh>
    <rPh sb="35" eb="36">
      <t>シャ</t>
    </rPh>
    <rPh sb="37" eb="39">
      <t>ジョウキ</t>
    </rPh>
    <rPh sb="42" eb="44">
      <t>ドウヨウ</t>
    </rPh>
    <phoneticPr fontId="2"/>
  </si>
  <si>
    <t>　　　区分して記入してください。</t>
    <rPh sb="8" eb="9">
      <t>ニュウ</t>
    </rPh>
    <phoneticPr fontId="2"/>
  </si>
  <si>
    <t>・休職者（病休・産休など）、介護休業者及び育児休業者並びに産休代替者については、「内容」欄にその旨を</t>
    <rPh sb="1" eb="3">
      <t>キュウショク</t>
    </rPh>
    <rPh sb="3" eb="4">
      <t>シャ</t>
    </rPh>
    <rPh sb="5" eb="6">
      <t>ビョウ</t>
    </rPh>
    <rPh sb="6" eb="7">
      <t>キュウ</t>
    </rPh>
    <rPh sb="8" eb="10">
      <t>サンキュウ</t>
    </rPh>
    <rPh sb="14" eb="16">
      <t>カイゴ</t>
    </rPh>
    <rPh sb="16" eb="18">
      <t>キュウギョウ</t>
    </rPh>
    <rPh sb="18" eb="19">
      <t>シャ</t>
    </rPh>
    <rPh sb="19" eb="20">
      <t>オヨ</t>
    </rPh>
    <rPh sb="21" eb="23">
      <t>イクジ</t>
    </rPh>
    <rPh sb="23" eb="25">
      <t>キュウギョウ</t>
    </rPh>
    <rPh sb="25" eb="26">
      <t>シャ</t>
    </rPh>
    <rPh sb="26" eb="27">
      <t>ナラ</t>
    </rPh>
    <rPh sb="29" eb="31">
      <t>サンキュウ</t>
    </rPh>
    <rPh sb="31" eb="33">
      <t>ダイタイ</t>
    </rPh>
    <rPh sb="33" eb="34">
      <t>シャ</t>
    </rPh>
    <rPh sb="41" eb="43">
      <t>ナイヨウ</t>
    </rPh>
    <rPh sb="44" eb="45">
      <t>ラン</t>
    </rPh>
    <rPh sb="48" eb="49">
      <t>ムネ</t>
    </rPh>
    <phoneticPr fontId="2"/>
  </si>
  <si>
    <t>　記入してください。</t>
    <phoneticPr fontId="2"/>
  </si>
  <si>
    <t>　※　ただし、拘束時間数が32時間未満の者は、区分上、本務ではなく非常勤とする。（兼務者を除く）</t>
    <rPh sb="7" eb="9">
      <t>コウソク</t>
    </rPh>
    <rPh sb="9" eb="11">
      <t>ジカン</t>
    </rPh>
    <rPh sb="11" eb="12">
      <t>スウ</t>
    </rPh>
    <rPh sb="15" eb="17">
      <t>ジカン</t>
    </rPh>
    <rPh sb="17" eb="19">
      <t>ミマン</t>
    </rPh>
    <rPh sb="20" eb="21">
      <t>モノ</t>
    </rPh>
    <rPh sb="23" eb="25">
      <t>クブン</t>
    </rPh>
    <rPh sb="25" eb="26">
      <t>ジョウ</t>
    </rPh>
    <rPh sb="27" eb="29">
      <t>ホンム</t>
    </rPh>
    <rPh sb="33" eb="36">
      <t>ヒジョウキン</t>
    </rPh>
    <rPh sb="41" eb="43">
      <t>ケンム</t>
    </rPh>
    <rPh sb="43" eb="44">
      <t>シャ</t>
    </rPh>
    <rPh sb="45" eb="46">
      <t>ノゾ</t>
    </rPh>
    <phoneticPr fontId="2"/>
  </si>
  <si>
    <t>＜耐震化予定（未使用化・取壊し含む）（「S56年以前」の欄が「〇」の建物で、現状の耐震性が３、４）＞</t>
    <rPh sb="1" eb="4">
      <t>タイシンカ</t>
    </rPh>
    <rPh sb="4" eb="6">
      <t>ヨテイ</t>
    </rPh>
    <rPh sb="7" eb="10">
      <t>ミシヨウ</t>
    </rPh>
    <rPh sb="10" eb="11">
      <t>カ</t>
    </rPh>
    <rPh sb="12" eb="14">
      <t>トリコワ</t>
    </rPh>
    <rPh sb="15" eb="16">
      <t>フク</t>
    </rPh>
    <rPh sb="23" eb="24">
      <t>ネン</t>
    </rPh>
    <rPh sb="24" eb="26">
      <t>イゼン</t>
    </rPh>
    <rPh sb="28" eb="29">
      <t>ラン</t>
    </rPh>
    <rPh sb="34" eb="36">
      <t>タテモノ</t>
    </rPh>
    <rPh sb="38" eb="40">
      <t>ゲンジョウ</t>
    </rPh>
    <rPh sb="41" eb="44">
      <t>タイシンセイ</t>
    </rPh>
    <phoneticPr fontId="2"/>
  </si>
  <si>
    <t>＜耐震化の方法（未使用化・取壊し含む）（「S56年以前」の欄が「〇」の建物で、現状の耐震性が３、４）＞</t>
    <rPh sb="1" eb="4">
      <t>タイシンカ</t>
    </rPh>
    <rPh sb="5" eb="7">
      <t>ホウホウ</t>
    </rPh>
    <rPh sb="8" eb="11">
      <t>ミシヨウ</t>
    </rPh>
    <rPh sb="11" eb="12">
      <t>カ</t>
    </rPh>
    <rPh sb="13" eb="15">
      <t>トリコワ</t>
    </rPh>
    <rPh sb="16" eb="17">
      <t>フク</t>
    </rPh>
    <rPh sb="24" eb="25">
      <t>ネン</t>
    </rPh>
    <rPh sb="25" eb="27">
      <t>イゼン</t>
    </rPh>
    <rPh sb="29" eb="30">
      <t>ラン</t>
    </rPh>
    <rPh sb="35" eb="37">
      <t>タテモノ</t>
    </rPh>
    <rPh sb="39" eb="41">
      <t>ゲンジョウ</t>
    </rPh>
    <rPh sb="42" eb="45">
      <t>タイシンセイ</t>
    </rPh>
    <phoneticPr fontId="2"/>
  </si>
  <si>
    <t>＜現時点で耐震化未実施の主な理由等（「S56年以前」の欄が「〇」の建物で、現状の耐震性が３、４）＞</t>
    <phoneticPr fontId="2"/>
  </si>
  <si>
    <t>・現時点で耐震化未実施の主な理由を番号で記入してください。</t>
    <rPh sb="1" eb="4">
      <t>ゲンジテン</t>
    </rPh>
    <rPh sb="5" eb="8">
      <t>タイシンカ</t>
    </rPh>
    <rPh sb="8" eb="11">
      <t>ミジッシ</t>
    </rPh>
    <rPh sb="12" eb="13">
      <t>オモ</t>
    </rPh>
    <rPh sb="14" eb="16">
      <t>リユウ</t>
    </rPh>
    <rPh sb="17" eb="19">
      <t>バンゴウ</t>
    </rPh>
    <phoneticPr fontId="2"/>
  </si>
  <si>
    <t>今年度、実施予定</t>
    <rPh sb="0" eb="3">
      <t>コンネンド</t>
    </rPh>
    <rPh sb="4" eb="6">
      <t>ジッシ</t>
    </rPh>
    <rPh sb="6" eb="8">
      <t>ヨテイ</t>
    </rPh>
    <phoneticPr fontId="2"/>
  </si>
  <si>
    <r>
      <t>学級別年齢別在園者数</t>
    </r>
    <r>
      <rPr>
        <sz val="14"/>
        <rFont val="ＭＳ 明朝"/>
        <family val="1"/>
        <charset val="128"/>
      </rPr>
      <t>（学級ごとに１段ずつとって記入する。）</t>
    </r>
    <rPh sb="0" eb="2">
      <t>ガッキュウ</t>
    </rPh>
    <rPh sb="2" eb="3">
      <t>ベツ</t>
    </rPh>
    <rPh sb="3" eb="5">
      <t>ネンレイ</t>
    </rPh>
    <rPh sb="5" eb="6">
      <t>ベツ</t>
    </rPh>
    <rPh sb="6" eb="7">
      <t>ザイ</t>
    </rPh>
    <rPh sb="7" eb="8">
      <t>エン</t>
    </rPh>
    <rPh sb="8" eb="9">
      <t>シャ</t>
    </rPh>
    <rPh sb="9" eb="10">
      <t>スウ</t>
    </rPh>
    <rPh sb="11" eb="13">
      <t>ガッキュウ</t>
    </rPh>
    <rPh sb="17" eb="18">
      <t>ダン</t>
    </rPh>
    <rPh sb="23" eb="25">
      <t>キニュウ</t>
    </rPh>
    <phoneticPr fontId="2"/>
  </si>
  <si>
    <t>・年号は、「明治」は１、「大正」は３、「昭和」は５、「平成」は７、「令和」は９を記入してください。</t>
    <rPh sb="1" eb="3">
      <t>ネンゴウ</t>
    </rPh>
    <rPh sb="6" eb="8">
      <t>メイジ</t>
    </rPh>
    <rPh sb="13" eb="15">
      <t>タイショウ</t>
    </rPh>
    <rPh sb="20" eb="22">
      <t>ショウワ</t>
    </rPh>
    <rPh sb="27" eb="29">
      <t>ヘイセイ</t>
    </rPh>
    <rPh sb="34" eb="36">
      <t>レイワ</t>
    </rPh>
    <rPh sb="40" eb="42">
      <t>キニュウ</t>
    </rPh>
    <phoneticPr fontId="2"/>
  </si>
  <si>
    <r>
      <t>・建物の建築年を和暦で記入してください。</t>
    </r>
    <r>
      <rPr>
        <u/>
        <sz val="16"/>
        <rFont val="ＭＳ 明朝"/>
        <family val="1"/>
        <charset val="128"/>
      </rPr>
      <t>増改築している場合には、最初に建築された年を記入してください。</t>
    </r>
    <rPh sb="1" eb="3">
      <t>タテモノ</t>
    </rPh>
    <rPh sb="4" eb="6">
      <t>ケンチク</t>
    </rPh>
    <rPh sb="6" eb="7">
      <t>ネン</t>
    </rPh>
    <rPh sb="8" eb="10">
      <t>ワレキ</t>
    </rPh>
    <rPh sb="11" eb="13">
      <t>キニュウ</t>
    </rPh>
    <phoneticPr fontId="2"/>
  </si>
  <si>
    <t>診断結果の数値</t>
    <rPh sb="0" eb="2">
      <t>シンダン</t>
    </rPh>
    <rPh sb="2" eb="4">
      <t>ケッカ</t>
    </rPh>
    <rPh sb="5" eb="7">
      <t>スウチ</t>
    </rPh>
    <phoneticPr fontId="2"/>
  </si>
  <si>
    <t>昭和</t>
    <rPh sb="0" eb="2">
      <t>ショウワ</t>
    </rPh>
    <phoneticPr fontId="2"/>
  </si>
  <si>
    <t>令和</t>
    <rPh sb="0" eb="2">
      <t>レイワ</t>
    </rPh>
    <phoneticPr fontId="2"/>
  </si>
  <si>
    <t>※その３①は、昨年度から項目等に一部変更があります。必ず記入要領を確認の上、記入してください。</t>
    <rPh sb="7" eb="10">
      <t>サクネンド</t>
    </rPh>
    <rPh sb="10" eb="11">
      <t>ネンド</t>
    </rPh>
    <rPh sb="12" eb="14">
      <t>コウモク</t>
    </rPh>
    <rPh sb="14" eb="15">
      <t>トウ</t>
    </rPh>
    <rPh sb="16" eb="18">
      <t>イチブ</t>
    </rPh>
    <rPh sb="18" eb="20">
      <t>ヘンコウ</t>
    </rPh>
    <rPh sb="26" eb="27">
      <t>カナラ</t>
    </rPh>
    <rPh sb="28" eb="30">
      <t>キニュウ</t>
    </rPh>
    <rPh sb="30" eb="32">
      <t>ヨウリョウ</t>
    </rPh>
    <rPh sb="33" eb="35">
      <t>カクニン</t>
    </rPh>
    <rPh sb="36" eb="37">
      <t>ウエ</t>
    </rPh>
    <rPh sb="38" eb="40">
      <t>キニュウ</t>
    </rPh>
    <phoneticPr fontId="2"/>
  </si>
  <si>
    <t>現時点で耐震化未実施の主な理由等</t>
    <rPh sb="0" eb="3">
      <t>ゲンジテン</t>
    </rPh>
    <rPh sb="4" eb="7">
      <t>タイシンカ</t>
    </rPh>
    <rPh sb="7" eb="10">
      <t>ミジッシ</t>
    </rPh>
    <rPh sb="11" eb="12">
      <t>オモ</t>
    </rPh>
    <rPh sb="13" eb="15">
      <t>リユウ</t>
    </rPh>
    <rPh sb="15" eb="16">
      <t>トウ</t>
    </rPh>
    <phoneticPr fontId="2"/>
  </si>
  <si>
    <t>＜建物名＞</t>
    <rPh sb="1" eb="3">
      <t>タテモノ</t>
    </rPh>
    <rPh sb="3" eb="4">
      <t>メイ</t>
    </rPh>
    <phoneticPr fontId="2"/>
  </si>
  <si>
    <t>＜建築年（和暦）、S56年以前＞</t>
    <rPh sb="1" eb="3">
      <t>ケンチク</t>
    </rPh>
    <rPh sb="3" eb="4">
      <t>ネン</t>
    </rPh>
    <rPh sb="5" eb="7">
      <t>ワレキ</t>
    </rPh>
    <rPh sb="12" eb="13">
      <t>ネン</t>
    </rPh>
    <rPh sb="13" eb="15">
      <t>イゼン</t>
    </rPh>
    <phoneticPr fontId="2"/>
  </si>
  <si>
    <t>＜区分＞</t>
    <rPh sb="1" eb="3">
      <t>クブン</t>
    </rPh>
    <phoneticPr fontId="2"/>
  </si>
  <si>
    <t>・建物の用途について、区分を番号で記入してください。</t>
    <rPh sb="1" eb="3">
      <t>タテモノ</t>
    </rPh>
    <rPh sb="4" eb="6">
      <t>ヨウト</t>
    </rPh>
    <rPh sb="11" eb="13">
      <t>クブン</t>
    </rPh>
    <rPh sb="14" eb="16">
      <t>バンゴウ</t>
    </rPh>
    <rPh sb="17" eb="19">
      <t>キニュウ</t>
    </rPh>
    <phoneticPr fontId="2"/>
  </si>
  <si>
    <t>（令和○○年5月1日現在・令和△△年4月分給与実績）</t>
    <rPh sb="1" eb="3">
      <t>レイワ</t>
    </rPh>
    <rPh sb="5" eb="6">
      <t>ネン</t>
    </rPh>
    <rPh sb="7" eb="8">
      <t>ガツ</t>
    </rPh>
    <rPh sb="9" eb="10">
      <t>ニチ</t>
    </rPh>
    <rPh sb="10" eb="12">
      <t>ゲンザイ</t>
    </rPh>
    <rPh sb="13" eb="15">
      <t>レイワ</t>
    </rPh>
    <rPh sb="17" eb="18">
      <t>ネン</t>
    </rPh>
    <rPh sb="19" eb="20">
      <t>ガツ</t>
    </rPh>
    <rPh sb="20" eb="21">
      <t>ブン</t>
    </rPh>
    <rPh sb="21" eb="23">
      <t>キュウヨ</t>
    </rPh>
    <rPh sb="23" eb="25">
      <t>ジッセキ</t>
    </rPh>
    <phoneticPr fontId="2"/>
  </si>
  <si>
    <r>
      <t>○</t>
    </r>
    <r>
      <rPr>
        <b/>
        <sz val="12"/>
        <rFont val="ＭＳ ゴシック"/>
        <family val="3"/>
        <charset val="128"/>
      </rPr>
      <t>記入した書類は１部を控え用としてコピーし、保存してください。</t>
    </r>
    <rPh sb="22" eb="24">
      <t>ホゾン</t>
    </rPh>
    <phoneticPr fontId="2"/>
  </si>
  <si>
    <t>＜送付していただく関係書類等＞</t>
    <rPh sb="1" eb="3">
      <t>ソウフ</t>
    </rPh>
    <rPh sb="9" eb="11">
      <t>カンケイ</t>
    </rPh>
    <rPh sb="11" eb="13">
      <t>ショルイ</t>
    </rPh>
    <rPh sb="13" eb="14">
      <t>トウ</t>
    </rPh>
    <phoneticPr fontId="2"/>
  </si>
  <si>
    <t>　通勤手当等の支給が３ヶ月や６ヶ月ごとに支給されているなど、実際の支給月が４月又は５月と異なる場合は、４月支給相当分を含む支給月の賃金台帳も送付ください（例：３～５月分の支給月が３月の場合は、３月の賃金台帳が必要です）。また、賃金台帳以外で通勤手当等の支給内容がわかるものや、４月支給相当分を按分計算した計算書等が別にあれば、併せて送付してください。</t>
    <rPh sb="70" eb="72">
      <t>ソウフ</t>
    </rPh>
    <rPh sb="166" eb="168">
      <t>ソウフ</t>
    </rPh>
    <phoneticPr fontId="2"/>
  </si>
  <si>
    <t>R6年度に実施予定</t>
    <rPh sb="2" eb="4">
      <t>ネンド</t>
    </rPh>
    <rPh sb="5" eb="7">
      <t>ジッシ</t>
    </rPh>
    <rPh sb="7" eb="9">
      <t>ヨテイ</t>
    </rPh>
    <phoneticPr fontId="2"/>
  </si>
  <si>
    <t>（注）１～５の書類がない場合は、審査が進められないため再度ご送付いただくことになりますので、ご注意ください。</t>
    <rPh sb="30" eb="32">
      <t>ソウフ</t>
    </rPh>
    <phoneticPr fontId="2"/>
  </si>
  <si>
    <t>　　　分した計算書や、支給した月の賃金台帳等按分の根拠となる資料をご提出ください。</t>
    <rPh sb="6" eb="9">
      <t>ケイサンショ</t>
    </rPh>
    <rPh sb="11" eb="13">
      <t>シキュウ</t>
    </rPh>
    <rPh sb="15" eb="16">
      <t>ツキ</t>
    </rPh>
    <rPh sb="17" eb="19">
      <t>チンギン</t>
    </rPh>
    <rPh sb="19" eb="21">
      <t>ダイチョウ</t>
    </rPh>
    <rPh sb="21" eb="22">
      <t>トウ</t>
    </rPh>
    <rPh sb="22" eb="24">
      <t>アンブン</t>
    </rPh>
    <rPh sb="25" eb="27">
      <t>コンキョ</t>
    </rPh>
    <rPh sb="30" eb="32">
      <t>シリョウ</t>
    </rPh>
    <rPh sb="34" eb="36">
      <t>テイシュツ</t>
    </rPh>
    <phoneticPr fontId="2"/>
  </si>
  <si>
    <t>　　と「コード」欄に記入した上で、記入した種類の免許状等の写しを提出してください。</t>
    <rPh sb="21" eb="23">
      <t>シュルイ</t>
    </rPh>
    <rPh sb="24" eb="27">
      <t>メンキョジョウ</t>
    </rPh>
    <rPh sb="27" eb="28">
      <t>トウ</t>
    </rPh>
    <rPh sb="29" eb="30">
      <t>ウツ</t>
    </rPh>
    <rPh sb="32" eb="34">
      <t>テイシュツ</t>
    </rPh>
    <phoneticPr fontId="2"/>
  </si>
  <si>
    <t>　　するとともに、保育士証または保育士となる資格を証明する書類の写しを提出してくだ</t>
    <rPh sb="9" eb="12">
      <t>ホイクシ</t>
    </rPh>
    <rPh sb="12" eb="13">
      <t>ショウ</t>
    </rPh>
    <rPh sb="16" eb="19">
      <t>ホイクシ</t>
    </rPh>
    <rPh sb="22" eb="24">
      <t>シカク</t>
    </rPh>
    <rPh sb="25" eb="27">
      <t>ショウメイ</t>
    </rPh>
    <rPh sb="29" eb="31">
      <t>ショルイ</t>
    </rPh>
    <rPh sb="32" eb="33">
      <t>ウツ</t>
    </rPh>
    <rPh sb="35" eb="37">
      <t>テイシュツ</t>
    </rPh>
    <phoneticPr fontId="2"/>
  </si>
  <si>
    <t>　　を必ず提出してください。</t>
    <rPh sb="5" eb="7">
      <t>テイシュツ</t>
    </rPh>
    <phoneticPr fontId="2"/>
  </si>
  <si>
    <t>R7年度に実施予定</t>
    <rPh sb="2" eb="4">
      <t>ネンド</t>
    </rPh>
    <rPh sb="5" eb="7">
      <t>ジッシ</t>
    </rPh>
    <rPh sb="7" eb="9">
      <t>ヨテイ</t>
    </rPh>
    <phoneticPr fontId="2"/>
  </si>
  <si>
    <t>Ｒ○．○．○
神奈川県教委</t>
    <rPh sb="7" eb="11">
      <t>カナガワケン</t>
    </rPh>
    <rPh sb="11" eb="12">
      <t>キョウ</t>
    </rPh>
    <rPh sb="12" eb="13">
      <t>イ</t>
    </rPh>
    <phoneticPr fontId="2"/>
  </si>
  <si>
    <t>６　園バスによる送迎について</t>
    <rPh sb="2" eb="3">
      <t>エン</t>
    </rPh>
    <rPh sb="8" eb="10">
      <t>ソウゲイ</t>
    </rPh>
    <phoneticPr fontId="14"/>
  </si>
  <si>
    <t>・該当する回答欄に○を</t>
    <rPh sb="1" eb="3">
      <t>ガイトウ</t>
    </rPh>
    <rPh sb="5" eb="7">
      <t>カイトウ</t>
    </rPh>
    <rPh sb="7" eb="8">
      <t>ラン</t>
    </rPh>
    <phoneticPr fontId="14"/>
  </si>
  <si>
    <t>設置者</t>
    <rPh sb="0" eb="2">
      <t>セッチ</t>
    </rPh>
    <rPh sb="2" eb="3">
      <t>シャ</t>
    </rPh>
    <phoneticPr fontId="14"/>
  </si>
  <si>
    <t>学校法人</t>
    <rPh sb="0" eb="2">
      <t>ガッコウ</t>
    </rPh>
    <rPh sb="2" eb="4">
      <t>ホウジン</t>
    </rPh>
    <phoneticPr fontId="14"/>
  </si>
  <si>
    <t>５　給食の実施状況について</t>
    <rPh sb="2" eb="4">
      <t>キュウショク</t>
    </rPh>
    <rPh sb="5" eb="7">
      <t>ジッシ</t>
    </rPh>
    <rPh sb="7" eb="9">
      <t>ジョウキョウ</t>
    </rPh>
    <phoneticPr fontId="14"/>
  </si>
  <si>
    <t>　記入してください。</t>
    <phoneticPr fontId="14"/>
  </si>
  <si>
    <t>　園舎の施設整備予定についてご回答ください。</t>
    <rPh sb="1" eb="3">
      <t>エンシャ</t>
    </rPh>
    <rPh sb="4" eb="6">
      <t>シセツ</t>
    </rPh>
    <rPh sb="6" eb="8">
      <t>セイビ</t>
    </rPh>
    <rPh sb="8" eb="10">
      <t>ヨテイ</t>
    </rPh>
    <rPh sb="15" eb="17">
      <t>カイトウ</t>
    </rPh>
    <phoneticPr fontId="14"/>
  </si>
  <si>
    <t>円</t>
    <rPh sb="0" eb="1">
      <t>エン</t>
    </rPh>
    <phoneticPr fontId="14"/>
  </si>
  <si>
    <t>・該当する回答欄に○を記入してください。</t>
    <rPh sb="1" eb="3">
      <t>ガイトウ</t>
    </rPh>
    <rPh sb="5" eb="7">
      <t>カイトウ</t>
    </rPh>
    <rPh sb="7" eb="8">
      <t>ラン</t>
    </rPh>
    <rPh sb="11" eb="13">
      <t>キニュウ</t>
    </rPh>
    <phoneticPr fontId="14"/>
  </si>
  <si>
    <t>複数</t>
  </si>
  <si>
    <t>回答可</t>
  </si>
  <si>
    <t>・園児一人一食当たりの給食費（平均）</t>
    <rPh sb="1" eb="3">
      <t>エンジ</t>
    </rPh>
    <rPh sb="3" eb="5">
      <t>ヒトリ</t>
    </rPh>
    <rPh sb="5" eb="7">
      <t>イッショク</t>
    </rPh>
    <rPh sb="7" eb="8">
      <t>ア</t>
    </rPh>
    <rPh sb="11" eb="14">
      <t>キュウショクヒ</t>
    </rPh>
    <rPh sb="15" eb="17">
      <t>ヘイキン</t>
    </rPh>
    <phoneticPr fontId="14"/>
  </si>
  <si>
    <r>
      <t>・</t>
    </r>
    <r>
      <rPr>
        <sz val="9"/>
        <color indexed="10"/>
        <rFont val="ＭＳ 明朝"/>
        <family val="1"/>
        <charset val="128"/>
      </rPr>
      <t>職名は辞令に基づき記載し、</t>
    </r>
    <r>
      <rPr>
        <sz val="9"/>
        <rFont val="ＭＳ 明朝"/>
        <family val="1"/>
        <charset val="128"/>
      </rPr>
      <t>園則に定めのない職名は記入しないでください。</t>
    </r>
    <rPh sb="1" eb="3">
      <t>ショクメイ</t>
    </rPh>
    <rPh sb="4" eb="6">
      <t>ジレイ</t>
    </rPh>
    <rPh sb="7" eb="8">
      <t>モト</t>
    </rPh>
    <rPh sb="10" eb="12">
      <t>キサイ</t>
    </rPh>
    <rPh sb="14" eb="16">
      <t>エンソク</t>
    </rPh>
    <rPh sb="17" eb="18">
      <t>サダ</t>
    </rPh>
    <rPh sb="22" eb="24">
      <t>ショクメイ</t>
    </rPh>
    <rPh sb="25" eb="27">
      <t>キニュウ</t>
    </rPh>
    <phoneticPr fontId="2"/>
  </si>
  <si>
    <t>　給与額記載の留意事項</t>
    <rPh sb="1" eb="3">
      <t>キュウヨ</t>
    </rPh>
    <rPh sb="3" eb="4">
      <t>ガク</t>
    </rPh>
    <rPh sb="4" eb="6">
      <t>キサイ</t>
    </rPh>
    <rPh sb="7" eb="9">
      <t>リュウイ</t>
    </rPh>
    <rPh sb="9" eb="11">
      <t>ジコウ</t>
    </rPh>
    <phoneticPr fontId="2"/>
  </si>
  <si>
    <t>教職員名簿コード表</t>
    <rPh sb="0" eb="1">
      <t>キョウ</t>
    </rPh>
    <rPh sb="1" eb="3">
      <t>ショクイン</t>
    </rPh>
    <rPh sb="3" eb="5">
      <t>メイボ</t>
    </rPh>
    <rPh sb="8" eb="9">
      <t>ヒョウ</t>
    </rPh>
    <phoneticPr fontId="14"/>
  </si>
  <si>
    <t>【職名欄】</t>
    <rPh sb="1" eb="3">
      <t>ショクメイ</t>
    </rPh>
    <rPh sb="3" eb="4">
      <t>ラン</t>
    </rPh>
    <phoneticPr fontId="14"/>
  </si>
  <si>
    <t>職名（教員）</t>
    <rPh sb="0" eb="1">
      <t>ショク</t>
    </rPh>
    <rPh sb="1" eb="2">
      <t>メイ</t>
    </rPh>
    <rPh sb="3" eb="5">
      <t>キョウイン</t>
    </rPh>
    <phoneticPr fontId="14"/>
  </si>
  <si>
    <t>コード</t>
    <phoneticPr fontId="14"/>
  </si>
  <si>
    <t>要免許</t>
    <rPh sb="0" eb="1">
      <t>ヨウ</t>
    </rPh>
    <rPh sb="1" eb="3">
      <t>メンキョ</t>
    </rPh>
    <phoneticPr fontId="14"/>
  </si>
  <si>
    <t>職名（その他の教職員）</t>
    <rPh sb="0" eb="1">
      <t>ショク</t>
    </rPh>
    <rPh sb="1" eb="2">
      <t>メイ</t>
    </rPh>
    <rPh sb="5" eb="6">
      <t>タ</t>
    </rPh>
    <rPh sb="7" eb="10">
      <t>キョウショクイン</t>
    </rPh>
    <phoneticPr fontId="14"/>
  </si>
  <si>
    <t>園長</t>
    <rPh sb="0" eb="2">
      <t>エンチョウ</t>
    </rPh>
    <phoneticPr fontId="14"/>
  </si>
  <si>
    <t>01</t>
    <phoneticPr fontId="14"/>
  </si>
  <si>
    <t>×</t>
    <phoneticPr fontId="14"/>
  </si>
  <si>
    <t>養護教諭</t>
    <phoneticPr fontId="14"/>
  </si>
  <si>
    <t>14</t>
    <phoneticPr fontId="14"/>
  </si>
  <si>
    <t>副園長</t>
    <rPh sb="0" eb="3">
      <t>フクエンチョウ</t>
    </rPh>
    <phoneticPr fontId="14"/>
  </si>
  <si>
    <t>02</t>
    <phoneticPr fontId="14"/>
  </si>
  <si>
    <t>養護助教諭</t>
    <phoneticPr fontId="14"/>
  </si>
  <si>
    <t>15</t>
    <phoneticPr fontId="14"/>
  </si>
  <si>
    <t>教頭</t>
    <rPh sb="0" eb="2">
      <t>キョウトウ</t>
    </rPh>
    <phoneticPr fontId="14"/>
  </si>
  <si>
    <t>11</t>
    <phoneticPr fontId="14"/>
  </si>
  <si>
    <t>事務職員</t>
    <phoneticPr fontId="14"/>
  </si>
  <si>
    <t>31</t>
    <phoneticPr fontId="14"/>
  </si>
  <si>
    <t>教諭</t>
    <rPh sb="0" eb="2">
      <t>キョウユ</t>
    </rPh>
    <phoneticPr fontId="14"/>
  </si>
  <si>
    <t>12</t>
    <phoneticPr fontId="14"/>
  </si>
  <si>
    <t>養護職員</t>
    <phoneticPr fontId="14"/>
  </si>
  <si>
    <t>35</t>
    <phoneticPr fontId="14"/>
  </si>
  <si>
    <t>助教諭</t>
    <rPh sb="0" eb="3">
      <t>ジョキョウユ</t>
    </rPh>
    <phoneticPr fontId="14"/>
  </si>
  <si>
    <t>13</t>
    <phoneticPr fontId="14"/>
  </si>
  <si>
    <t>給食調理員</t>
    <phoneticPr fontId="14"/>
  </si>
  <si>
    <t>37</t>
    <phoneticPr fontId="14"/>
  </si>
  <si>
    <t>講師</t>
    <phoneticPr fontId="14"/>
  </si>
  <si>
    <t>17</t>
    <phoneticPr fontId="14"/>
  </si>
  <si>
    <t>教育補助員</t>
    <phoneticPr fontId="14"/>
  </si>
  <si>
    <t>38</t>
    <phoneticPr fontId="14"/>
  </si>
  <si>
    <t>主幹教諭</t>
    <phoneticPr fontId="14"/>
  </si>
  <si>
    <t>19</t>
    <phoneticPr fontId="14"/>
  </si>
  <si>
    <t>用務員</t>
    <phoneticPr fontId="14"/>
  </si>
  <si>
    <t>41</t>
    <phoneticPr fontId="14"/>
  </si>
  <si>
    <t>指導教諭</t>
    <phoneticPr fontId="14"/>
  </si>
  <si>
    <t>20</t>
    <phoneticPr fontId="14"/>
  </si>
  <si>
    <t>警備員</t>
    <phoneticPr fontId="14"/>
  </si>
  <si>
    <t>42</t>
    <phoneticPr fontId="14"/>
  </si>
  <si>
    <t>寮・宿舎管理人</t>
    <phoneticPr fontId="14"/>
  </si>
  <si>
    <t>43</t>
    <phoneticPr fontId="14"/>
  </si>
  <si>
    <t>運転手</t>
    <phoneticPr fontId="14"/>
  </si>
  <si>
    <t>44</t>
    <phoneticPr fontId="14"/>
  </si>
  <si>
    <t>【教員免許状欄】</t>
    <rPh sb="1" eb="3">
      <t>キョウイン</t>
    </rPh>
    <rPh sb="3" eb="6">
      <t>メンキョジョウ</t>
    </rPh>
    <rPh sb="6" eb="7">
      <t>ラン</t>
    </rPh>
    <phoneticPr fontId="14"/>
  </si>
  <si>
    <t>職　　名</t>
    <rPh sb="0" eb="1">
      <t>ショク</t>
    </rPh>
    <rPh sb="3" eb="4">
      <t>メイ</t>
    </rPh>
    <phoneticPr fontId="14"/>
  </si>
  <si>
    <t>免許状</t>
    <rPh sb="0" eb="3">
      <t>メンキョジョウ</t>
    </rPh>
    <phoneticPr fontId="14"/>
  </si>
  <si>
    <t>免許状・資格</t>
    <rPh sb="0" eb="3">
      <t>メンキョジョウ</t>
    </rPh>
    <rPh sb="4" eb="6">
      <t>シカク</t>
    </rPh>
    <phoneticPr fontId="14"/>
  </si>
  <si>
    <r>
      <t>教諭（</t>
    </r>
    <r>
      <rPr>
        <b/>
        <u/>
        <sz val="11"/>
        <rFont val="ＭＳ 明朝"/>
        <family val="1"/>
        <charset val="128"/>
      </rPr>
      <t>主幹教諭・指導教諭含む</t>
    </r>
    <r>
      <rPr>
        <sz val="11"/>
        <rFont val="ＭＳ 明朝"/>
        <family val="1"/>
        <charset val="128"/>
      </rPr>
      <t>）</t>
    </r>
    <rPh sb="0" eb="2">
      <t>キョウユ</t>
    </rPh>
    <rPh sb="3" eb="5">
      <t>シュカン</t>
    </rPh>
    <rPh sb="5" eb="7">
      <t>キョウユ</t>
    </rPh>
    <rPh sb="8" eb="10">
      <t>シドウ</t>
    </rPh>
    <rPh sb="10" eb="12">
      <t>キョウユ</t>
    </rPh>
    <rPh sb="12" eb="13">
      <t>フク</t>
    </rPh>
    <phoneticPr fontId="14"/>
  </si>
  <si>
    <t>幼稚園教諭専修</t>
    <rPh sb="0" eb="3">
      <t>ヨウチエン</t>
    </rPh>
    <rPh sb="3" eb="5">
      <t>キョウユ</t>
    </rPh>
    <rPh sb="5" eb="7">
      <t>センシュウ</t>
    </rPh>
    <phoneticPr fontId="14"/>
  </si>
  <si>
    <t>高等専修</t>
    <rPh sb="0" eb="2">
      <t>コウトウ</t>
    </rPh>
    <rPh sb="2" eb="4">
      <t>センシュウ</t>
    </rPh>
    <phoneticPr fontId="14"/>
  </si>
  <si>
    <t>幼稚園教諭１種</t>
    <rPh sb="0" eb="3">
      <t>ヨウチエン</t>
    </rPh>
    <rPh sb="3" eb="5">
      <t>キョウユ</t>
    </rPh>
    <rPh sb="6" eb="7">
      <t>シュ</t>
    </rPh>
    <phoneticPr fontId="14"/>
  </si>
  <si>
    <t>高等１種</t>
    <rPh sb="0" eb="2">
      <t>コウトウ</t>
    </rPh>
    <rPh sb="3" eb="4">
      <t>シュ</t>
    </rPh>
    <phoneticPr fontId="14"/>
  </si>
  <si>
    <t>幼稚園教諭２種</t>
    <rPh sb="0" eb="3">
      <t>ヨウチエン</t>
    </rPh>
    <rPh sb="3" eb="5">
      <t>キョウユ</t>
    </rPh>
    <rPh sb="6" eb="7">
      <t>シュ</t>
    </rPh>
    <phoneticPr fontId="14"/>
  </si>
  <si>
    <t>03</t>
    <phoneticPr fontId="14"/>
  </si>
  <si>
    <t>中専修</t>
    <rPh sb="0" eb="1">
      <t>チュウ</t>
    </rPh>
    <rPh sb="1" eb="3">
      <t>センシュウ</t>
    </rPh>
    <phoneticPr fontId="14"/>
  </si>
  <si>
    <t>21</t>
    <phoneticPr fontId="14"/>
  </si>
  <si>
    <t>幼稚園助教諭臨時</t>
    <rPh sb="0" eb="3">
      <t>ヨウチエン</t>
    </rPh>
    <rPh sb="3" eb="6">
      <t>ジョキョウユ</t>
    </rPh>
    <rPh sb="6" eb="8">
      <t>リンジ</t>
    </rPh>
    <phoneticPr fontId="14"/>
  </si>
  <si>
    <t>04</t>
    <phoneticPr fontId="14"/>
  </si>
  <si>
    <t>中１種</t>
    <rPh sb="0" eb="1">
      <t>チュウ</t>
    </rPh>
    <rPh sb="2" eb="3">
      <t>シュ</t>
    </rPh>
    <phoneticPr fontId="14"/>
  </si>
  <si>
    <t>22</t>
    <phoneticPr fontId="14"/>
  </si>
  <si>
    <t>養護教諭</t>
    <rPh sb="0" eb="2">
      <t>ヨウゴ</t>
    </rPh>
    <rPh sb="2" eb="4">
      <t>キョウユ</t>
    </rPh>
    <phoneticPr fontId="14"/>
  </si>
  <si>
    <t>養護教諭専修</t>
    <rPh sb="0" eb="2">
      <t>ヨウゴ</t>
    </rPh>
    <rPh sb="2" eb="4">
      <t>キョウユ</t>
    </rPh>
    <rPh sb="4" eb="6">
      <t>センシュウ</t>
    </rPh>
    <phoneticPr fontId="14"/>
  </si>
  <si>
    <t>中２種</t>
    <rPh sb="0" eb="1">
      <t>ナカ</t>
    </rPh>
    <rPh sb="2" eb="3">
      <t>シュ</t>
    </rPh>
    <phoneticPr fontId="14"/>
  </si>
  <si>
    <t>23</t>
    <phoneticPr fontId="14"/>
  </si>
  <si>
    <t>養護教諭１種</t>
    <rPh sb="0" eb="2">
      <t>ヨウゴ</t>
    </rPh>
    <rPh sb="2" eb="4">
      <t>キョウユ</t>
    </rPh>
    <rPh sb="5" eb="6">
      <t>シュ</t>
    </rPh>
    <phoneticPr fontId="14"/>
  </si>
  <si>
    <t>小専修</t>
    <rPh sb="0" eb="1">
      <t>ショウ</t>
    </rPh>
    <rPh sb="1" eb="3">
      <t>センシュウ</t>
    </rPh>
    <phoneticPr fontId="14"/>
  </si>
  <si>
    <t>養護教諭２種</t>
    <rPh sb="0" eb="2">
      <t>ヨウゴ</t>
    </rPh>
    <rPh sb="2" eb="4">
      <t>キョウユ</t>
    </rPh>
    <rPh sb="5" eb="6">
      <t>シュ</t>
    </rPh>
    <phoneticPr fontId="14"/>
  </si>
  <si>
    <t>小１種</t>
    <rPh sb="0" eb="1">
      <t>ショウ</t>
    </rPh>
    <rPh sb="2" eb="3">
      <t>シュ</t>
    </rPh>
    <phoneticPr fontId="14"/>
  </si>
  <si>
    <t>32</t>
    <phoneticPr fontId="14"/>
  </si>
  <si>
    <t>養護助教諭</t>
    <rPh sb="0" eb="2">
      <t>ヨウゴ</t>
    </rPh>
    <rPh sb="2" eb="5">
      <t>ジョキョウユ</t>
    </rPh>
    <phoneticPr fontId="14"/>
  </si>
  <si>
    <t>小２種</t>
    <rPh sb="0" eb="1">
      <t>ショウ</t>
    </rPh>
    <rPh sb="2" eb="3">
      <t>シュ</t>
    </rPh>
    <phoneticPr fontId="14"/>
  </si>
  <si>
    <t>33</t>
    <phoneticPr fontId="14"/>
  </si>
  <si>
    <t>講師</t>
    <rPh sb="0" eb="2">
      <t>コウシ</t>
    </rPh>
    <phoneticPr fontId="14"/>
  </si>
  <si>
    <t>上の免許のいずれか</t>
    <rPh sb="0" eb="1">
      <t>ウエ</t>
    </rPh>
    <rPh sb="2" eb="4">
      <t>メンキョ</t>
    </rPh>
    <phoneticPr fontId="14"/>
  </si>
  <si>
    <t>－</t>
    <phoneticPr fontId="14"/>
  </si>
  <si>
    <t>保育士</t>
    <rPh sb="0" eb="3">
      <t>ホイクシ</t>
    </rPh>
    <phoneticPr fontId="14"/>
  </si>
  <si>
    <t>51</t>
    <phoneticPr fontId="14"/>
  </si>
  <si>
    <t>【私学共済加入状況】</t>
    <rPh sb="1" eb="3">
      <t>シガク</t>
    </rPh>
    <rPh sb="3" eb="5">
      <t>キョウサイ</t>
    </rPh>
    <rPh sb="5" eb="7">
      <t>カニュウ</t>
    </rPh>
    <rPh sb="7" eb="9">
      <t>ジョウキョウ</t>
    </rPh>
    <phoneticPr fontId="14"/>
  </si>
  <si>
    <t>【勤務形態】</t>
    <rPh sb="1" eb="3">
      <t>キンム</t>
    </rPh>
    <rPh sb="3" eb="5">
      <t>ケイタイ</t>
    </rPh>
    <phoneticPr fontId="14"/>
  </si>
  <si>
    <t>私学共済に加入</t>
    <rPh sb="0" eb="2">
      <t>シガク</t>
    </rPh>
    <rPh sb="2" eb="4">
      <t>キョウサイ</t>
    </rPh>
    <rPh sb="5" eb="7">
      <t>カニュウ</t>
    </rPh>
    <phoneticPr fontId="14"/>
  </si>
  <si>
    <t>本務</t>
    <rPh sb="0" eb="2">
      <t>ホンム</t>
    </rPh>
    <phoneticPr fontId="14"/>
  </si>
  <si>
    <t>学校法人又は学校独自の共済制度に加入</t>
    <rPh sb="0" eb="2">
      <t>ガッコウ</t>
    </rPh>
    <rPh sb="2" eb="4">
      <t>ホウジン</t>
    </rPh>
    <rPh sb="4" eb="5">
      <t>マタ</t>
    </rPh>
    <rPh sb="6" eb="8">
      <t>ガッコウ</t>
    </rPh>
    <rPh sb="8" eb="10">
      <t>ドクジ</t>
    </rPh>
    <rPh sb="11" eb="13">
      <t>キョウサイ</t>
    </rPh>
    <rPh sb="13" eb="15">
      <t>セイド</t>
    </rPh>
    <rPh sb="16" eb="18">
      <t>カニュウ</t>
    </rPh>
    <phoneticPr fontId="14"/>
  </si>
  <si>
    <t>兼務</t>
    <rPh sb="0" eb="2">
      <t>ケンム</t>
    </rPh>
    <phoneticPr fontId="14"/>
  </si>
  <si>
    <t>いずれにも加入していない</t>
    <rPh sb="5" eb="7">
      <t>カニュウ</t>
    </rPh>
    <phoneticPr fontId="14"/>
  </si>
  <si>
    <t>非常勤</t>
    <rPh sb="0" eb="3">
      <t>ヒジョウキン</t>
    </rPh>
    <phoneticPr fontId="14"/>
  </si>
  <si>
    <t>【雇用状況】</t>
    <rPh sb="1" eb="3">
      <t>コヨウ</t>
    </rPh>
    <rPh sb="3" eb="5">
      <t>ジョウキョウ</t>
    </rPh>
    <phoneticPr fontId="14"/>
  </si>
  <si>
    <t>【休職等】</t>
    <rPh sb="1" eb="3">
      <t>キュウショク</t>
    </rPh>
    <rPh sb="3" eb="4">
      <t>トウ</t>
    </rPh>
    <phoneticPr fontId="14"/>
  </si>
  <si>
    <t>雇用契約期間が１年未満の者</t>
    <rPh sb="0" eb="2">
      <t>コヨウ</t>
    </rPh>
    <rPh sb="2" eb="4">
      <t>ケイヤク</t>
    </rPh>
    <rPh sb="4" eb="6">
      <t>キカン</t>
    </rPh>
    <rPh sb="8" eb="9">
      <t>ネン</t>
    </rPh>
    <rPh sb="9" eb="11">
      <t>ミマン</t>
    </rPh>
    <rPh sb="12" eb="13">
      <t>モノ</t>
    </rPh>
    <phoneticPr fontId="14"/>
  </si>
  <si>
    <t>休職中の者</t>
    <rPh sb="0" eb="3">
      <t>キュウショクチュウ</t>
    </rPh>
    <rPh sb="4" eb="5">
      <t>モノ</t>
    </rPh>
    <phoneticPr fontId="14"/>
  </si>
  <si>
    <t>月給制の適用を受けない者</t>
    <rPh sb="0" eb="2">
      <t>ゲッキュウ</t>
    </rPh>
    <rPh sb="2" eb="3">
      <t>セイ</t>
    </rPh>
    <rPh sb="4" eb="6">
      <t>テキヨウ</t>
    </rPh>
    <rPh sb="7" eb="8">
      <t>ウ</t>
    </rPh>
    <rPh sb="11" eb="12">
      <t>モノ</t>
    </rPh>
    <phoneticPr fontId="14"/>
  </si>
  <si>
    <t>代替教職員の者</t>
    <rPh sb="0" eb="2">
      <t>ダイタイ</t>
    </rPh>
    <rPh sb="2" eb="5">
      <t>キョウショクイン</t>
    </rPh>
    <rPh sb="6" eb="7">
      <t>モノ</t>
    </rPh>
    <phoneticPr fontId="14"/>
  </si>
  <si>
    <t>それ以外の者</t>
    <rPh sb="2" eb="4">
      <t>イガイ</t>
    </rPh>
    <rPh sb="5" eb="6">
      <t>モノ</t>
    </rPh>
    <phoneticPr fontId="14"/>
  </si>
  <si>
    <t>その他の者</t>
    <rPh sb="2" eb="3">
      <t>タ</t>
    </rPh>
    <rPh sb="4" eb="5">
      <t>モノ</t>
    </rPh>
    <phoneticPr fontId="14"/>
  </si>
  <si>
    <t>【退職基金財団の加入状況】</t>
    <rPh sb="1" eb="3">
      <t>タイショク</t>
    </rPh>
    <rPh sb="3" eb="5">
      <t>キキン</t>
    </rPh>
    <rPh sb="5" eb="7">
      <t>ザイダン</t>
    </rPh>
    <rPh sb="8" eb="10">
      <t>カニュウ</t>
    </rPh>
    <rPh sb="10" eb="12">
      <t>ジョウキョウ</t>
    </rPh>
    <phoneticPr fontId="14"/>
  </si>
  <si>
    <t>【性別】</t>
    <rPh sb="1" eb="3">
      <t>セイベツ</t>
    </rPh>
    <phoneticPr fontId="14"/>
  </si>
  <si>
    <t>【年号】</t>
    <rPh sb="1" eb="3">
      <t>ネンゴウ</t>
    </rPh>
    <phoneticPr fontId="14"/>
  </si>
  <si>
    <t>県私学退職基金財団</t>
    <rPh sb="0" eb="1">
      <t>ケン</t>
    </rPh>
    <rPh sb="1" eb="3">
      <t>シガク</t>
    </rPh>
    <rPh sb="3" eb="5">
      <t>タイショク</t>
    </rPh>
    <rPh sb="5" eb="7">
      <t>キキン</t>
    </rPh>
    <rPh sb="7" eb="9">
      <t>ザイダン</t>
    </rPh>
    <phoneticPr fontId="14"/>
  </si>
  <si>
    <t>男性</t>
    <rPh sb="0" eb="2">
      <t>ダンセイ</t>
    </rPh>
    <phoneticPr fontId="14"/>
  </si>
  <si>
    <t>明治</t>
    <rPh sb="0" eb="2">
      <t>メイジ</t>
    </rPh>
    <phoneticPr fontId="14"/>
  </si>
  <si>
    <t>県私立幼稚園退職基金財団</t>
    <rPh sb="0" eb="1">
      <t>ケン</t>
    </rPh>
    <rPh sb="1" eb="3">
      <t>シリツ</t>
    </rPh>
    <rPh sb="3" eb="6">
      <t>ヨウチエン</t>
    </rPh>
    <rPh sb="6" eb="8">
      <t>タイショク</t>
    </rPh>
    <rPh sb="8" eb="10">
      <t>キキン</t>
    </rPh>
    <rPh sb="10" eb="12">
      <t>ザイダン</t>
    </rPh>
    <phoneticPr fontId="14"/>
  </si>
  <si>
    <t>女性</t>
    <rPh sb="0" eb="2">
      <t>ジョセイ</t>
    </rPh>
    <phoneticPr fontId="14"/>
  </si>
  <si>
    <t>大正</t>
    <rPh sb="0" eb="2">
      <t>タイショウ</t>
    </rPh>
    <phoneticPr fontId="14"/>
  </si>
  <si>
    <t>県専修学校各種学校退職基金財団</t>
    <rPh sb="0" eb="1">
      <t>ケン</t>
    </rPh>
    <rPh sb="1" eb="3">
      <t>センシュウ</t>
    </rPh>
    <rPh sb="3" eb="5">
      <t>ガッコウ</t>
    </rPh>
    <rPh sb="5" eb="7">
      <t>カクシュ</t>
    </rPh>
    <rPh sb="7" eb="9">
      <t>ガッコウ</t>
    </rPh>
    <rPh sb="9" eb="11">
      <t>タイショク</t>
    </rPh>
    <rPh sb="11" eb="13">
      <t>キキン</t>
    </rPh>
    <rPh sb="13" eb="15">
      <t>ザイダン</t>
    </rPh>
    <phoneticPr fontId="14"/>
  </si>
  <si>
    <t>昭和</t>
    <rPh sb="0" eb="2">
      <t>ショウワ</t>
    </rPh>
    <phoneticPr fontId="14"/>
  </si>
  <si>
    <t>平成</t>
    <rPh sb="0" eb="2">
      <t>ヘイセイ</t>
    </rPh>
    <phoneticPr fontId="14"/>
  </si>
  <si>
    <t>令和</t>
    <rPh sb="0" eb="2">
      <t>レイワ</t>
    </rPh>
    <phoneticPr fontId="14"/>
  </si>
  <si>
    <t>【新卒等の状況】</t>
    <rPh sb="1" eb="3">
      <t>シンソツ</t>
    </rPh>
    <rPh sb="3" eb="4">
      <t>トウ</t>
    </rPh>
    <rPh sb="5" eb="7">
      <t>ジョウキョウ</t>
    </rPh>
    <phoneticPr fontId="14"/>
  </si>
  <si>
    <t>新卒</t>
    <rPh sb="0" eb="2">
      <t>シンソツ</t>
    </rPh>
    <phoneticPr fontId="14"/>
  </si>
  <si>
    <t>幼稚園教諭経験者</t>
    <rPh sb="0" eb="3">
      <t>ヨウチエン</t>
    </rPh>
    <rPh sb="3" eb="5">
      <t>キョウユ</t>
    </rPh>
    <rPh sb="5" eb="8">
      <t>ケイケンシャ</t>
    </rPh>
    <phoneticPr fontId="14"/>
  </si>
  <si>
    <t>・幼稚園教諭等処遇改善費に係る処遇改善手当を実施している場合は、「基本給（本俸）」</t>
    <rPh sb="1" eb="4">
      <t>ヨウチエン</t>
    </rPh>
    <rPh sb="4" eb="6">
      <t>キョウユ</t>
    </rPh>
    <rPh sb="6" eb="7">
      <t>トウ</t>
    </rPh>
    <rPh sb="7" eb="9">
      <t>ショグウ</t>
    </rPh>
    <rPh sb="9" eb="11">
      <t>カイゼン</t>
    </rPh>
    <rPh sb="11" eb="12">
      <t>ヒ</t>
    </rPh>
    <rPh sb="13" eb="14">
      <t>カカ</t>
    </rPh>
    <rPh sb="15" eb="17">
      <t>ショグウ</t>
    </rPh>
    <rPh sb="17" eb="19">
      <t>カイゼン</t>
    </rPh>
    <rPh sb="19" eb="21">
      <t>テアテ</t>
    </rPh>
    <rPh sb="22" eb="24">
      <t>ジッシ</t>
    </rPh>
    <rPh sb="28" eb="30">
      <t>バアイ</t>
    </rPh>
    <rPh sb="33" eb="36">
      <t>キホンキュウ</t>
    </rPh>
    <rPh sb="37" eb="39">
      <t>ホンポウ</t>
    </rPh>
    <phoneticPr fontId="2"/>
  </si>
  <si>
    <t>又は「毎月一定額の手当」欄に計上してください。</t>
    <rPh sb="12" eb="13">
      <t>ラン</t>
    </rPh>
    <rPh sb="14" eb="16">
      <t>ケイジョウ</t>
    </rPh>
    <phoneticPr fontId="2"/>
  </si>
  <si>
    <t>※処遇改善費は、一部を賞与等で一括払いしている場合でも、手当の３分の２以上
　は「基本給（本俸）」又は「毎月一定額の手当」として支払う必要があります。
※「毎月一定額の手当」以外で支払った分について、５月給与に該当がある場合は、
　「月ごとに異なる手当」欄に計上してください。</t>
    <rPh sb="1" eb="3">
      <t>ショグウ</t>
    </rPh>
    <rPh sb="3" eb="5">
      <t>カイゼン</t>
    </rPh>
    <rPh sb="5" eb="6">
      <t>ヒ</t>
    </rPh>
    <rPh sb="8" eb="10">
      <t>イチブ</t>
    </rPh>
    <rPh sb="11" eb="13">
      <t>ショウヨ</t>
    </rPh>
    <rPh sb="13" eb="14">
      <t>トウ</t>
    </rPh>
    <rPh sb="15" eb="17">
      <t>イッカツ</t>
    </rPh>
    <rPh sb="17" eb="18">
      <t>ハラ</t>
    </rPh>
    <rPh sb="23" eb="25">
      <t>バアイ</t>
    </rPh>
    <rPh sb="28" eb="30">
      <t>テアテ</t>
    </rPh>
    <rPh sb="32" eb="33">
      <t>ブン</t>
    </rPh>
    <rPh sb="41" eb="44">
      <t>キホンキュウ</t>
    </rPh>
    <phoneticPr fontId="2"/>
  </si>
  <si>
    <t>※太字部分は全教職員必須記入項目です。
空欄がないか、必ず確認してください。</t>
    <rPh sb="1" eb="3">
      <t>フトジ</t>
    </rPh>
    <rPh sb="3" eb="5">
      <t>ブブン</t>
    </rPh>
    <rPh sb="6" eb="7">
      <t>ゼン</t>
    </rPh>
    <rPh sb="7" eb="10">
      <t>キョウショクイン</t>
    </rPh>
    <rPh sb="10" eb="12">
      <t>ヒッス</t>
    </rPh>
    <rPh sb="12" eb="14">
      <t>キニュウ</t>
    </rPh>
    <rPh sb="14" eb="16">
      <t>コウモク</t>
    </rPh>
    <rPh sb="20" eb="22">
      <t>クウラン</t>
    </rPh>
    <rPh sb="27" eb="28">
      <t>カナラ</t>
    </rPh>
    <rPh sb="29" eb="31">
      <t>カクニン</t>
    </rPh>
    <phoneticPr fontId="2"/>
  </si>
  <si>
    <t>赤ペンで行全体を削除</t>
    <rPh sb="0" eb="1">
      <t>アカ</t>
    </rPh>
    <rPh sb="4" eb="5">
      <t>ギョウ</t>
    </rPh>
    <rPh sb="5" eb="7">
      <t>ゼンタイ</t>
    </rPh>
    <rPh sb="8" eb="10">
      <t>サクジョ</t>
    </rPh>
    <phoneticPr fontId="2"/>
  </si>
  <si>
    <r>
      <rPr>
        <sz val="9"/>
        <rFont val="ＭＳ ゴシック"/>
        <family val="3"/>
        <charset val="128"/>
      </rPr>
      <t>＜整理番号欄＞</t>
    </r>
    <r>
      <rPr>
        <sz val="9"/>
        <rFont val="ＭＳ 明朝"/>
        <family val="1"/>
        <charset val="128"/>
      </rPr>
      <t>・001番から順に通し番号を記入してください。</t>
    </r>
    <rPh sb="1" eb="3">
      <t>セイリ</t>
    </rPh>
    <rPh sb="3" eb="5">
      <t>バンゴウ</t>
    </rPh>
    <rPh sb="5" eb="6">
      <t>ラン</t>
    </rPh>
    <rPh sb="11" eb="12">
      <t>バン</t>
    </rPh>
    <rPh sb="14" eb="15">
      <t>ジュン</t>
    </rPh>
    <rPh sb="16" eb="17">
      <t>トオ</t>
    </rPh>
    <rPh sb="18" eb="20">
      <t>バンゴウ</t>
    </rPh>
    <rPh sb="21" eb="23">
      <t>キニュウ</t>
    </rPh>
    <phoneticPr fontId="2"/>
  </si>
  <si>
    <r>
      <rPr>
        <sz val="9"/>
        <rFont val="ＭＳ ゴシック"/>
        <family val="3"/>
        <charset val="128"/>
      </rPr>
      <t>＜氏名＞</t>
    </r>
    <r>
      <rPr>
        <sz val="9"/>
        <rFont val="ＭＳ 明朝"/>
        <family val="1"/>
        <charset val="128"/>
      </rPr>
      <t>・氏名（漢字）は、１マス１字とし、姓と名は続けてください。</t>
    </r>
    <rPh sb="1" eb="3">
      <t>シメイ</t>
    </rPh>
    <rPh sb="5" eb="7">
      <t>シメイ</t>
    </rPh>
    <rPh sb="8" eb="10">
      <t>カンジ</t>
    </rPh>
    <rPh sb="17" eb="18">
      <t>ジ</t>
    </rPh>
    <rPh sb="21" eb="22">
      <t>セイ</t>
    </rPh>
    <rPh sb="23" eb="24">
      <t>メイ</t>
    </rPh>
    <rPh sb="25" eb="26">
      <t>ツヅ</t>
    </rPh>
    <phoneticPr fontId="2"/>
  </si>
  <si>
    <r>
      <rPr>
        <sz val="9"/>
        <rFont val="ＭＳ ゴシック"/>
        <family val="3"/>
        <charset val="128"/>
      </rPr>
      <t>＜職名＞</t>
    </r>
    <r>
      <rPr>
        <sz val="9"/>
        <rFont val="ＭＳ 明朝"/>
        <family val="1"/>
        <charset val="128"/>
      </rPr>
      <t>・職名は、下記の区分により名称とコードを記入してください。</t>
    </r>
    <rPh sb="1" eb="3">
      <t>ショクメイ</t>
    </rPh>
    <rPh sb="5" eb="7">
      <t>ショクメイ</t>
    </rPh>
    <rPh sb="9" eb="11">
      <t>カキ</t>
    </rPh>
    <rPh sb="12" eb="14">
      <t>クブン</t>
    </rPh>
    <rPh sb="17" eb="19">
      <t>メイショウ</t>
    </rPh>
    <rPh sb="24" eb="26">
      <t>キニュウ</t>
    </rPh>
    <phoneticPr fontId="2"/>
  </si>
  <si>
    <t>＜教員免許状又は教務に関する資格免許等＞</t>
    <rPh sb="1" eb="3">
      <t>キョウイン</t>
    </rPh>
    <rPh sb="3" eb="6">
      <t>メンキョジョウ</t>
    </rPh>
    <rPh sb="6" eb="7">
      <t>マタ</t>
    </rPh>
    <rPh sb="8" eb="10">
      <t>キョウム</t>
    </rPh>
    <rPh sb="11" eb="12">
      <t>カン</t>
    </rPh>
    <rPh sb="14" eb="16">
      <t>シカク</t>
    </rPh>
    <rPh sb="16" eb="18">
      <t>メンキョ</t>
    </rPh>
    <rPh sb="18" eb="19">
      <t>トウ</t>
    </rPh>
    <phoneticPr fontId="2"/>
  </si>
  <si>
    <t>＜私学共済加入状況＞</t>
    <rPh sb="1" eb="3">
      <t>シガク</t>
    </rPh>
    <rPh sb="3" eb="5">
      <t>キョウサイ</t>
    </rPh>
    <rPh sb="5" eb="7">
      <t>カニュウ</t>
    </rPh>
    <rPh sb="7" eb="9">
      <t>ジョウキョウ</t>
    </rPh>
    <phoneticPr fontId="2"/>
  </si>
  <si>
    <t>＜勤務形態＞</t>
    <rPh sb="1" eb="3">
      <t>キンム</t>
    </rPh>
    <rPh sb="3" eb="5">
      <t>ケイタイ</t>
    </rPh>
    <phoneticPr fontId="2"/>
  </si>
  <si>
    <t>＜雇用状況＞</t>
    <rPh sb="1" eb="3">
      <t>コヨウ</t>
    </rPh>
    <rPh sb="3" eb="5">
      <t>ジョウキョウ</t>
    </rPh>
    <phoneticPr fontId="2"/>
  </si>
  <si>
    <t>＜休職等＞</t>
    <rPh sb="1" eb="3">
      <t>キュウショク</t>
    </rPh>
    <rPh sb="3" eb="4">
      <t>トウ</t>
    </rPh>
    <phoneticPr fontId="2"/>
  </si>
  <si>
    <t>＜退職財団加入状況＞</t>
    <rPh sb="1" eb="3">
      <t>タイショク</t>
    </rPh>
    <rPh sb="3" eb="5">
      <t>ザイダン</t>
    </rPh>
    <rPh sb="5" eb="7">
      <t>カニュウ</t>
    </rPh>
    <rPh sb="7" eb="9">
      <t>ジョウキョウ</t>
    </rPh>
    <phoneticPr fontId="2"/>
  </si>
  <si>
    <t>　（学校基本調査の回答と一致します。）</t>
    <rPh sb="2" eb="4">
      <t>ガッコウ</t>
    </rPh>
    <rPh sb="4" eb="6">
      <t>キホン</t>
    </rPh>
    <rPh sb="6" eb="8">
      <t>チョウサ</t>
    </rPh>
    <rPh sb="9" eb="11">
      <t>カイトウ</t>
    </rPh>
    <rPh sb="12" eb="14">
      <t>イッチ</t>
    </rPh>
    <phoneticPr fontId="2"/>
  </si>
  <si>
    <t>＜氏名＞</t>
    <rPh sb="1" eb="3">
      <t>シメイ</t>
    </rPh>
    <phoneticPr fontId="2"/>
  </si>
  <si>
    <t>＜性別・生年月日・採用年月日＞</t>
    <rPh sb="1" eb="3">
      <t>セイベツ</t>
    </rPh>
    <rPh sb="4" eb="6">
      <t>セイネン</t>
    </rPh>
    <rPh sb="6" eb="8">
      <t>ガッピ</t>
    </rPh>
    <rPh sb="9" eb="11">
      <t>サイヨウ</t>
    </rPh>
    <rPh sb="11" eb="14">
      <t>ネンガッピ</t>
    </rPh>
    <phoneticPr fontId="2"/>
  </si>
  <si>
    <t>＜給与額＞</t>
    <rPh sb="1" eb="4">
      <t>キュウヨガク</t>
    </rPh>
    <phoneticPr fontId="2"/>
  </si>
  <si>
    <t>＜前年支払金額＞</t>
    <rPh sb="1" eb="3">
      <t>ゼンネン</t>
    </rPh>
    <rPh sb="3" eb="5">
      <t>シハラ</t>
    </rPh>
    <rPh sb="5" eb="7">
      <t>キンガク</t>
    </rPh>
    <phoneticPr fontId="2"/>
  </si>
  <si>
    <t>＜新卒等の別＞</t>
    <rPh sb="1" eb="3">
      <t>シンソツ</t>
    </rPh>
    <rPh sb="3" eb="4">
      <t>トウ</t>
    </rPh>
    <rPh sb="5" eb="6">
      <t>ベツ</t>
    </rPh>
    <phoneticPr fontId="2"/>
  </si>
  <si>
    <r>
      <t>令和</t>
    </r>
    <r>
      <rPr>
        <sz val="12"/>
        <color rgb="FFFF0000"/>
        <rFont val="ＭＳ 明朝"/>
        <family val="1"/>
        <charset val="128"/>
      </rPr>
      <t>６</t>
    </r>
    <r>
      <rPr>
        <sz val="12"/>
        <rFont val="ＭＳ 明朝"/>
        <family val="1"/>
        <charset val="128"/>
      </rPr>
      <t>年度私立学校現況調査報告書（表紙、調査票その１～その３）【</t>
    </r>
    <r>
      <rPr>
        <u/>
        <sz val="12"/>
        <rFont val="ＭＳ 明朝"/>
        <family val="1"/>
        <charset val="128"/>
      </rPr>
      <t>県より送付</t>
    </r>
    <r>
      <rPr>
        <sz val="12"/>
        <rFont val="ＭＳ 明朝"/>
        <family val="1"/>
        <charset val="128"/>
      </rPr>
      <t>】</t>
    </r>
    <rPh sb="0" eb="2">
      <t>レイワ</t>
    </rPh>
    <rPh sb="32" eb="33">
      <t>ケン</t>
    </rPh>
    <rPh sb="35" eb="37">
      <t>ソウフ</t>
    </rPh>
    <phoneticPr fontId="2"/>
  </si>
  <si>
    <r>
      <t>出席簿（令和</t>
    </r>
    <r>
      <rPr>
        <sz val="12"/>
        <color rgb="FFFF0000"/>
        <rFont val="ＭＳ 明朝"/>
        <family val="1"/>
        <charset val="128"/>
      </rPr>
      <t>６</t>
    </r>
    <r>
      <rPr>
        <sz val="12"/>
        <rFont val="ＭＳ 明朝"/>
        <family val="1"/>
        <charset val="128"/>
      </rPr>
      <t>年５月分）の写し</t>
    </r>
    <rPh sb="4" eb="6">
      <t>レイワ</t>
    </rPh>
    <rPh sb="13" eb="14">
      <t>ウツ</t>
    </rPh>
    <phoneticPr fontId="2"/>
  </si>
  <si>
    <r>
      <t>出勤簿（令和</t>
    </r>
    <r>
      <rPr>
        <sz val="12"/>
        <color rgb="FFFF0000"/>
        <rFont val="ＭＳ 明朝"/>
        <family val="1"/>
        <charset val="128"/>
      </rPr>
      <t>６</t>
    </r>
    <r>
      <rPr>
        <sz val="12"/>
        <rFont val="ＭＳ 明朝"/>
        <family val="1"/>
        <charset val="128"/>
      </rPr>
      <t>年５月分）の写し</t>
    </r>
    <rPh sb="13" eb="14">
      <t>ウツ</t>
    </rPh>
    <phoneticPr fontId="2"/>
  </si>
  <si>
    <r>
      <t>　令和</t>
    </r>
    <r>
      <rPr>
        <sz val="12"/>
        <color indexed="10"/>
        <rFont val="ＭＳ 明朝"/>
        <family val="1"/>
        <charset val="128"/>
      </rPr>
      <t>５</t>
    </r>
    <r>
      <rPr>
        <sz val="12"/>
        <rFont val="ＭＳ 明朝"/>
        <family val="1"/>
        <charset val="128"/>
      </rPr>
      <t>年５月２日以降に採用された教職員分及び新たに免許取得した教職員分のみ</t>
    </r>
    <phoneticPr fontId="2"/>
  </si>
  <si>
    <r>
      <t>　令和</t>
    </r>
    <r>
      <rPr>
        <sz val="12"/>
        <color rgb="FFFF0000"/>
        <rFont val="ＭＳ 明朝"/>
        <family val="1"/>
        <charset val="128"/>
      </rPr>
      <t>５</t>
    </r>
    <r>
      <rPr>
        <sz val="12"/>
        <rFont val="ＭＳ 明朝"/>
        <family val="1"/>
        <charset val="128"/>
      </rPr>
      <t>年５月２日以降新規資格取得者分のみ</t>
    </r>
    <rPh sb="1" eb="3">
      <t>レイワ</t>
    </rPh>
    <phoneticPr fontId="2"/>
  </si>
  <si>
    <r>
      <t>給与台帳（令和</t>
    </r>
    <r>
      <rPr>
        <sz val="12"/>
        <color rgb="FFFF0000"/>
        <rFont val="ＭＳ 明朝"/>
        <family val="1"/>
        <charset val="128"/>
      </rPr>
      <t>６</t>
    </r>
    <r>
      <rPr>
        <sz val="12"/>
        <rFont val="ＭＳ 明朝"/>
        <family val="1"/>
        <charset val="128"/>
      </rPr>
      <t>年４月または５月分）の写し</t>
    </r>
    <rPh sb="10" eb="11">
      <t>ガツ</t>
    </rPh>
    <rPh sb="19" eb="20">
      <t>ウツ</t>
    </rPh>
    <phoneticPr fontId="2"/>
  </si>
  <si>
    <r>
      <t>源泉徴収簿（令和</t>
    </r>
    <r>
      <rPr>
        <sz val="12"/>
        <color rgb="FFFF0000"/>
        <rFont val="ＭＳ 明朝"/>
        <family val="1"/>
        <charset val="128"/>
      </rPr>
      <t>５</t>
    </r>
    <r>
      <rPr>
        <sz val="12"/>
        <rFont val="ＭＳ 明朝"/>
        <family val="1"/>
        <charset val="128"/>
      </rPr>
      <t>年分）の写し</t>
    </r>
    <rPh sb="13" eb="14">
      <t>ウツ</t>
    </rPh>
    <phoneticPr fontId="2"/>
  </si>
  <si>
    <t>令　和　６ 年   度</t>
    <rPh sb="0" eb="1">
      <t>レイ</t>
    </rPh>
    <rPh sb="2" eb="3">
      <t>ワ</t>
    </rPh>
    <phoneticPr fontId="14"/>
  </si>
  <si>
    <t>(令和６年５月１日現在）</t>
    <rPh sb="1" eb="3">
      <t>レイワ</t>
    </rPh>
    <phoneticPr fontId="14"/>
  </si>
  <si>
    <t>令和６年度助成</t>
    <rPh sb="0" eb="2">
      <t>レイワ</t>
    </rPh>
    <rPh sb="3" eb="5">
      <t>ネンド</t>
    </rPh>
    <rPh sb="5" eb="7">
      <t>ジョセイ</t>
    </rPh>
    <phoneticPr fontId="14" alignment="distributed"/>
  </si>
  <si>
    <r>
      <t>（１）この調査票は、令和</t>
    </r>
    <r>
      <rPr>
        <sz val="16"/>
        <color rgb="FFFF0000"/>
        <rFont val="ＭＳ ゴシック"/>
        <family val="3"/>
        <charset val="128"/>
      </rPr>
      <t>６</t>
    </r>
    <r>
      <rPr>
        <sz val="16"/>
        <rFont val="ＭＳ ゴシック"/>
        <family val="3"/>
        <charset val="128"/>
      </rPr>
      <t>年５月１日現在の実際の状況に基づいて、幼稚園</t>
    </r>
    <rPh sb="10" eb="12">
      <t>レイワ</t>
    </rPh>
    <phoneticPr fontId="2"/>
  </si>
  <si>
    <r>
      <t>・</t>
    </r>
    <r>
      <rPr>
        <sz val="11"/>
        <color indexed="10"/>
        <rFont val="ＭＳ 明朝"/>
        <family val="1"/>
        <charset val="128"/>
      </rPr>
      <t>令和７年４月１日～令和９年３月３１日</t>
    </r>
    <r>
      <rPr>
        <sz val="11"/>
        <rFont val="ＭＳ 明朝"/>
        <family val="1"/>
        <charset val="128"/>
      </rPr>
      <t>までの</t>
    </r>
    <rPh sb="1" eb="3">
      <t>レイワ</t>
    </rPh>
    <rPh sb="4" eb="5">
      <t>ネン</t>
    </rPh>
    <rPh sb="6" eb="7">
      <t>ガツ</t>
    </rPh>
    <rPh sb="8" eb="9">
      <t>ニチ</t>
    </rPh>
    <rPh sb="10" eb="12">
      <t>レイワ</t>
    </rPh>
    <rPh sb="13" eb="14">
      <t>ネン</t>
    </rPh>
    <rPh sb="15" eb="16">
      <t>ガツ</t>
    </rPh>
    <rPh sb="18" eb="19">
      <t>ニチ</t>
    </rPh>
    <phoneticPr fontId="14"/>
  </si>
  <si>
    <t>・実施状況についてご回答ください。</t>
    <rPh sb="1" eb="3">
      <t>ジッシ</t>
    </rPh>
    <rPh sb="3" eb="5">
      <t>ジョウキョウ</t>
    </rPh>
    <phoneticPr fontId="14"/>
  </si>
  <si>
    <t>・実施している場合は台数を記入してください。</t>
    <phoneticPr fontId="14"/>
  </si>
  <si>
    <t xml:space="preserve"> 運行台数</t>
    <rPh sb="1" eb="3">
      <t>ウンコウ</t>
    </rPh>
    <rPh sb="3" eb="5">
      <t>ダイスウ</t>
    </rPh>
    <phoneticPr fontId="14"/>
  </si>
  <si>
    <t>台</t>
    <rPh sb="0" eb="1">
      <t>ダイ</t>
    </rPh>
    <phoneticPr fontId="14"/>
  </si>
  <si>
    <t>７　満３歳児入園の実施について</t>
    <rPh sb="2" eb="3">
      <t>マン</t>
    </rPh>
    <rPh sb="3" eb="6">
      <t>サンサイジ</t>
    </rPh>
    <rPh sb="6" eb="8">
      <t>ニュウエン</t>
    </rPh>
    <rPh sb="9" eb="11">
      <t>ジッシ</t>
    </rPh>
    <phoneticPr fontId="14"/>
  </si>
  <si>
    <t>・(1)～(3)のいずれかに○を記入してください。</t>
    <phoneticPr fontId="14"/>
  </si>
  <si>
    <t>・(3)の場合は実施予定時期を記入してください。</t>
    <rPh sb="5" eb="7">
      <t>バアイ</t>
    </rPh>
    <rPh sb="8" eb="10">
      <t>ジッシ</t>
    </rPh>
    <rPh sb="10" eb="12">
      <t>ヨテイ</t>
    </rPh>
    <rPh sb="12" eb="14">
      <t>ジキ</t>
    </rPh>
    <rPh sb="15" eb="17">
      <t>キニュウ</t>
    </rPh>
    <phoneticPr fontId="14"/>
  </si>
  <si>
    <t>(3)今年度から実施予定。</t>
    <rPh sb="3" eb="6">
      <t>コンネンド</t>
    </rPh>
    <rPh sb="8" eb="10">
      <t>ジッシ</t>
    </rPh>
    <rPh sb="10" eb="12">
      <t>ヨテイ</t>
    </rPh>
    <phoneticPr fontId="14"/>
  </si>
  <si>
    <t>実施予定時期</t>
    <rPh sb="0" eb="2">
      <t>ジッシ</t>
    </rPh>
    <rPh sb="2" eb="4">
      <t>ヨテイ</t>
    </rPh>
    <rPh sb="4" eb="6">
      <t>ジキ</t>
    </rPh>
    <phoneticPr fontId="14"/>
  </si>
  <si>
    <r>
      <rPr>
        <sz val="16"/>
        <color indexed="10"/>
        <rFont val="ＭＳ 明朝"/>
        <family val="1"/>
        <charset val="128"/>
      </rPr>
      <t>令和６年４月１日</t>
    </r>
    <r>
      <rPr>
        <sz val="16"/>
        <rFont val="ＭＳ 明朝"/>
        <family val="1"/>
        <charset val="128"/>
      </rPr>
      <t>現在で、幼稚園が保有している園舎等の建物の耐震改修状況等について回答してください。</t>
    </r>
    <rPh sb="0" eb="2">
      <t>レイワ</t>
    </rPh>
    <phoneticPr fontId="2"/>
  </si>
  <si>
    <t>R8年度に実施予定</t>
    <rPh sb="2" eb="4">
      <t>ネンド</t>
    </rPh>
    <rPh sb="5" eb="7">
      <t>ジッシ</t>
    </rPh>
    <rPh sb="7" eb="9">
      <t>ヨテイ</t>
    </rPh>
    <phoneticPr fontId="2"/>
  </si>
  <si>
    <t>R9年度以降に実施予定</t>
    <rPh sb="2" eb="4">
      <t>ネンド</t>
    </rPh>
    <rPh sb="3" eb="4">
      <t>ド</t>
    </rPh>
    <rPh sb="4" eb="6">
      <t>イコウ</t>
    </rPh>
    <rPh sb="7" eb="9">
      <t>ジッシ</t>
    </rPh>
    <rPh sb="9" eb="11">
      <t>ヨテイ</t>
    </rPh>
    <phoneticPr fontId="2"/>
  </si>
  <si>
    <r>
      <rPr>
        <sz val="16"/>
        <color indexed="10"/>
        <rFont val="ＭＳ 明朝"/>
        <family val="1"/>
        <charset val="128"/>
      </rPr>
      <t>令和６年４月１日</t>
    </r>
    <r>
      <rPr>
        <sz val="16"/>
        <rFont val="ＭＳ 明朝"/>
        <family val="1"/>
        <charset val="128"/>
      </rPr>
      <t>現在における屋内運動場等（屋体・武道場・講堂・屋内プール）で、高さが６ｍを超える又は面積が200㎡を超える施設の吊り天井、照明器具、バスケットゴールの耐震点検・耐震対策状況について回答してください。</t>
    </r>
    <rPh sb="0" eb="2">
      <t>レイワ</t>
    </rPh>
    <phoneticPr fontId="2"/>
  </si>
  <si>
    <r>
      <t>　※令和</t>
    </r>
    <r>
      <rPr>
        <sz val="16"/>
        <color rgb="FFFF0000"/>
        <rFont val="ＭＳ 明朝"/>
        <family val="1"/>
        <charset val="128"/>
      </rPr>
      <t>５</t>
    </r>
    <r>
      <rPr>
        <sz val="16"/>
        <rFont val="ＭＳ 明朝"/>
        <family val="1"/>
        <charset val="128"/>
      </rPr>
      <t>年度に天井撤去による対策を実施した場合は、「吊り天井を有しない建物」における対策実施済み棟数の欄に
　　記入してください。</t>
    </r>
    <rPh sb="2" eb="4">
      <t>レイワ</t>
    </rPh>
    <rPh sb="5" eb="7">
      <t>ネンド</t>
    </rPh>
    <rPh sb="6" eb="7">
      <t>ド</t>
    </rPh>
    <rPh sb="7" eb="9">
      <t>ヘイネンド</t>
    </rPh>
    <rPh sb="27" eb="28">
      <t>ツ</t>
    </rPh>
    <rPh sb="29" eb="31">
      <t>テンジョウ</t>
    </rPh>
    <rPh sb="32" eb="33">
      <t>ユウ</t>
    </rPh>
    <rPh sb="36" eb="38">
      <t>タテモノ</t>
    </rPh>
    <rPh sb="43" eb="45">
      <t>タイサク</t>
    </rPh>
    <rPh sb="45" eb="47">
      <t>ジッシ</t>
    </rPh>
    <rPh sb="47" eb="48">
      <t>ズ</t>
    </rPh>
    <rPh sb="49" eb="50">
      <t>トウ</t>
    </rPh>
    <rPh sb="50" eb="51">
      <t>スウ</t>
    </rPh>
    <rPh sb="52" eb="53">
      <t>ラン</t>
    </rPh>
    <rPh sb="57" eb="59">
      <t>キニュウ</t>
    </rPh>
    <phoneticPr fontId="2"/>
  </si>
  <si>
    <r>
      <rPr>
        <sz val="16"/>
        <color indexed="10"/>
        <rFont val="ＭＳ 明朝"/>
        <family val="1"/>
        <charset val="128"/>
      </rPr>
      <t>令和６年４月１日</t>
    </r>
    <r>
      <rPr>
        <sz val="16"/>
        <rFont val="ＭＳ 明朝"/>
        <family val="1"/>
        <charset val="128"/>
      </rPr>
      <t>現在における建物全ての非構造部材（上記の調査対象を除く）のうち、「学校施設の非構造部材の耐震化ガイドブック（改訂版）」に記載されている点検項目を基本としつつ、各学校の状況等に応じて、各学校設置者が、人に重大な被害を与える恐れがあると判断する箇所の耐震点検・耐震対策状況について回答してください。</t>
    </r>
    <rPh sb="3" eb="4">
      <t>ネン</t>
    </rPh>
    <rPh sb="5" eb="6">
      <t>ガツ</t>
    </rPh>
    <rPh sb="7" eb="8">
      <t>ニチ</t>
    </rPh>
    <rPh sb="8" eb="10">
      <t>ゲンザイ</t>
    </rPh>
    <rPh sb="25" eb="27">
      <t>ジョウキ</t>
    </rPh>
    <rPh sb="28" eb="30">
      <t>チョウサ</t>
    </rPh>
    <rPh sb="30" eb="32">
      <t>タイショウ</t>
    </rPh>
    <rPh sb="146" eb="148">
      <t>カイトウ</t>
    </rPh>
    <phoneticPr fontId="2"/>
  </si>
  <si>
    <r>
      <rPr>
        <sz val="16"/>
        <color indexed="10"/>
        <rFont val="ＭＳ 明朝"/>
        <family val="1"/>
        <charset val="128"/>
      </rPr>
      <t>令和６年４月１日</t>
    </r>
    <r>
      <rPr>
        <sz val="16"/>
        <rFont val="ＭＳ 明朝"/>
        <family val="1"/>
        <charset val="128"/>
      </rPr>
      <t>より</t>
    </r>
    <r>
      <rPr>
        <u/>
        <sz val="16"/>
        <rFont val="ＭＳ 明朝"/>
        <family val="1"/>
        <charset val="128"/>
      </rPr>
      <t>過去１年以内</t>
    </r>
    <r>
      <rPr>
        <sz val="16"/>
        <rFont val="ＭＳ 明朝"/>
        <family val="1"/>
        <charset val="128"/>
      </rPr>
      <t>に実施した点検</t>
    </r>
    <rPh sb="0" eb="2">
      <t>レイワ</t>
    </rPh>
    <phoneticPr fontId="2"/>
  </si>
  <si>
    <r>
      <rPr>
        <sz val="16"/>
        <color indexed="10"/>
        <rFont val="ＭＳ 明朝"/>
        <family val="1"/>
        <charset val="128"/>
      </rPr>
      <t>令和６年４月１日</t>
    </r>
    <r>
      <rPr>
        <sz val="16"/>
        <rFont val="ＭＳ 明朝"/>
        <family val="1"/>
        <charset val="128"/>
      </rPr>
      <t>より</t>
    </r>
    <r>
      <rPr>
        <u/>
        <sz val="16"/>
        <rFont val="ＭＳ 明朝"/>
        <family val="1"/>
        <charset val="128"/>
      </rPr>
      <t>過去３年以内</t>
    </r>
    <r>
      <rPr>
        <sz val="16"/>
        <rFont val="ＭＳ 明朝"/>
        <family val="1"/>
        <charset val="128"/>
      </rPr>
      <t>に実施した点検</t>
    </r>
    <rPh sb="0" eb="2">
      <t>レイワ</t>
    </rPh>
    <phoneticPr fontId="2"/>
  </si>
  <si>
    <r>
      <rPr>
        <sz val="16"/>
        <color indexed="10"/>
        <rFont val="ＭＳ 明朝"/>
        <family val="1"/>
        <charset val="128"/>
      </rPr>
      <t>令和６年４月１日</t>
    </r>
    <r>
      <rPr>
        <sz val="16"/>
        <rFont val="ＭＳ 明朝"/>
        <family val="1"/>
        <charset val="128"/>
      </rPr>
      <t>現在における避難所指定等の状況について回答してください。</t>
    </r>
    <rPh sb="0" eb="2">
      <t>レイワ</t>
    </rPh>
    <rPh sb="27" eb="29">
      <t>カイトウ</t>
    </rPh>
    <phoneticPr fontId="2"/>
  </si>
  <si>
    <r>
      <t>R6.3.31</t>
    </r>
    <r>
      <rPr>
        <sz val="10"/>
        <color indexed="10"/>
        <rFont val="ＭＳ ゴシック"/>
        <family val="3"/>
        <charset val="128"/>
      </rPr>
      <t xml:space="preserve">
神奈川県教委</t>
    </r>
    <rPh sb="8" eb="12">
      <t>カナガワケン</t>
    </rPh>
    <rPh sb="12" eb="13">
      <t>キョウ</t>
    </rPh>
    <rPh sb="13" eb="14">
      <t>イ</t>
    </rPh>
    <phoneticPr fontId="2"/>
  </si>
  <si>
    <t>令和3年4月2日～令和3年5月1日生まれ</t>
    <rPh sb="0" eb="2">
      <t>レイワ</t>
    </rPh>
    <rPh sb="3" eb="4">
      <t>ネン</t>
    </rPh>
    <rPh sb="4" eb="5">
      <t>ヘイネン</t>
    </rPh>
    <rPh sb="5" eb="6">
      <t>ガツ</t>
    </rPh>
    <rPh sb="7" eb="8">
      <t>ニチ</t>
    </rPh>
    <rPh sb="9" eb="11">
      <t>レイワ</t>
    </rPh>
    <rPh sb="12" eb="13">
      <t>ネン</t>
    </rPh>
    <rPh sb="13" eb="14">
      <t>ヘイネン</t>
    </rPh>
    <rPh sb="14" eb="15">
      <t>ガツ</t>
    </rPh>
    <rPh sb="16" eb="17">
      <t>ニチ</t>
    </rPh>
    <rPh sb="17" eb="18">
      <t>ウ</t>
    </rPh>
    <phoneticPr fontId="2"/>
  </si>
  <si>
    <t>令和2年4月2日～令和3年4月1日生まれ</t>
    <rPh sb="0" eb="2">
      <t>レイワ</t>
    </rPh>
    <rPh sb="3" eb="4">
      <t>ネン</t>
    </rPh>
    <rPh sb="5" eb="6">
      <t>ガツ</t>
    </rPh>
    <rPh sb="7" eb="8">
      <t>ニチ</t>
    </rPh>
    <rPh sb="9" eb="11">
      <t>レイワ</t>
    </rPh>
    <rPh sb="12" eb="13">
      <t>ネン</t>
    </rPh>
    <rPh sb="13" eb="14">
      <t>ヘイネン</t>
    </rPh>
    <rPh sb="14" eb="15">
      <t>ガツ</t>
    </rPh>
    <rPh sb="16" eb="17">
      <t>ニチ</t>
    </rPh>
    <rPh sb="17" eb="18">
      <t>ウ</t>
    </rPh>
    <phoneticPr fontId="2"/>
  </si>
  <si>
    <t>[:</t>
    <phoneticPr fontId="2"/>
  </si>
  <si>
    <t>[</t>
    <phoneticPr fontId="2"/>
  </si>
  <si>
    <t>　男女別、学年別（複式学級の場合は年齢別）、３歳児未満の園児は集計対象外のため二重線で削除してください。</t>
    <rPh sb="5" eb="8">
      <t>ガクネンベツ</t>
    </rPh>
    <rPh sb="9" eb="11">
      <t>フクシキ</t>
    </rPh>
    <rPh sb="11" eb="13">
      <t>ガッキュウ</t>
    </rPh>
    <rPh sb="14" eb="16">
      <t>バアイ</t>
    </rPh>
    <rPh sb="17" eb="19">
      <t>ネンレイ</t>
    </rPh>
    <rPh sb="19" eb="20">
      <t>ベツ</t>
    </rPh>
    <rPh sb="23" eb="25">
      <t>サイジ</t>
    </rPh>
    <rPh sb="25" eb="27">
      <t>ミマン</t>
    </rPh>
    <rPh sb="28" eb="29">
      <t>エン</t>
    </rPh>
    <rPh sb="29" eb="30">
      <t>ジ</t>
    </rPh>
    <rPh sb="31" eb="33">
      <t>シュウケイ</t>
    </rPh>
    <rPh sb="33" eb="35">
      <t>タイショウ</t>
    </rPh>
    <rPh sb="35" eb="36">
      <t>ガイ</t>
    </rPh>
    <rPh sb="39" eb="42">
      <t>ニジュウセン</t>
    </rPh>
    <rPh sb="43" eb="45">
      <t>サクジョ</t>
    </rPh>
    <phoneticPr fontId="2"/>
  </si>
  <si>
    <t>　(記載例：「８月から」)</t>
    <rPh sb="2" eb="4">
      <t>キサイ</t>
    </rPh>
    <rPh sb="4" eb="5">
      <t>レイ</t>
    </rPh>
    <rPh sb="8" eb="9">
      <t>ガ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0_ "/>
  </numFmts>
  <fonts count="89">
    <font>
      <sz val="12"/>
      <name val="ＭＳ 明朝"/>
      <family val="1"/>
      <charset val="128"/>
    </font>
    <font>
      <sz val="12"/>
      <name val="ＭＳ 明朝"/>
      <family val="1"/>
      <charset val="128"/>
    </font>
    <font>
      <sz val="6"/>
      <name val="ＭＳ 明朝"/>
      <family val="1"/>
      <charset val="128"/>
    </font>
    <font>
      <sz val="11"/>
      <name val="ＭＳ 明朝"/>
      <family val="1"/>
      <charset val="128"/>
    </font>
    <font>
      <sz val="10"/>
      <name val="ＭＳ 明朝"/>
      <family val="1"/>
      <charset val="128"/>
    </font>
    <font>
      <sz val="9"/>
      <name val="ＭＳ 明朝"/>
      <family val="1"/>
      <charset val="128"/>
    </font>
    <font>
      <sz val="8"/>
      <name val="ＭＳ 明朝"/>
      <family val="1"/>
      <charset val="128"/>
    </font>
    <font>
      <sz val="8"/>
      <name val="ＭＳ Ｐ明朝"/>
      <family val="1"/>
      <charset val="128"/>
    </font>
    <font>
      <sz val="11"/>
      <name val="ＭＳ ゴシック"/>
      <family val="3"/>
      <charset val="128"/>
    </font>
    <font>
      <sz val="10"/>
      <name val="ＭＳ ゴシック"/>
      <family val="3"/>
      <charset val="128"/>
    </font>
    <font>
      <sz val="12"/>
      <name val="ＭＳ ゴシック"/>
      <family val="3"/>
      <charset val="128"/>
    </font>
    <font>
      <sz val="16"/>
      <name val="ＭＳ ゴシック"/>
      <family val="3"/>
      <charset val="128"/>
    </font>
    <font>
      <u/>
      <sz val="9"/>
      <name val="ＭＳ 明朝"/>
      <family val="1"/>
      <charset val="128"/>
    </font>
    <font>
      <sz val="11"/>
      <name val="ＭＳ Ｐゴシック"/>
      <family val="3"/>
      <charset val="128"/>
    </font>
    <font>
      <sz val="6"/>
      <name val="ＭＳ Ｐゴシック"/>
      <family val="3"/>
      <charset val="128"/>
    </font>
    <font>
      <sz val="12"/>
      <name val="ＭＳ Ｐ明朝"/>
      <family val="1"/>
      <charset val="128"/>
    </font>
    <font>
      <sz val="11"/>
      <name val="ＭＳ Ｐ明朝"/>
      <family val="1"/>
      <charset val="128"/>
    </font>
    <font>
      <sz val="9"/>
      <name val="ＭＳ Ｐ明朝"/>
      <family val="1"/>
      <charset val="128"/>
    </font>
    <font>
      <sz val="9"/>
      <name val="ＭＳ Ｐゴシック"/>
      <family val="3"/>
      <charset val="128"/>
    </font>
    <font>
      <sz val="10"/>
      <name val="ＭＳ Ｐ明朝"/>
      <family val="1"/>
      <charset val="128"/>
    </font>
    <font>
      <sz val="16"/>
      <name val="ＭＳ Ｐ明朝"/>
      <family val="1"/>
      <charset val="128"/>
    </font>
    <font>
      <sz val="14"/>
      <name val="ＭＳ Ｐ明朝"/>
      <family val="1"/>
      <charset val="128"/>
    </font>
    <font>
      <sz val="10"/>
      <name val="ＭＳ Ｐゴシック"/>
      <family val="3"/>
      <charset val="128"/>
    </font>
    <font>
      <b/>
      <sz val="22"/>
      <name val="ゴシック"/>
      <family val="3"/>
      <charset val="128"/>
    </font>
    <font>
      <b/>
      <sz val="22"/>
      <name val="Wingdings"/>
      <charset val="2"/>
    </font>
    <font>
      <sz val="14"/>
      <name val="ＭＳ 明朝"/>
      <family val="1"/>
      <charset val="128"/>
    </font>
    <font>
      <b/>
      <sz val="16"/>
      <name val="ＭＳ 明朝"/>
      <family val="1"/>
      <charset val="128"/>
    </font>
    <font>
      <sz val="14"/>
      <name val="ＭＳ ゴシック"/>
      <family val="3"/>
      <charset val="128"/>
    </font>
    <font>
      <sz val="16"/>
      <name val="ＭＳ 明朝"/>
      <family val="1"/>
      <charset val="128"/>
    </font>
    <font>
      <sz val="20"/>
      <name val="ＭＳ ゴシック"/>
      <family val="3"/>
      <charset val="128"/>
    </font>
    <font>
      <u/>
      <sz val="16"/>
      <name val="ＭＳ ゴシック"/>
      <family val="3"/>
      <charset val="128"/>
    </font>
    <font>
      <sz val="36"/>
      <name val="ＭＳ ゴシック"/>
      <family val="3"/>
      <charset val="128"/>
    </font>
    <font>
      <sz val="28"/>
      <name val="ＭＳ ゴシック"/>
      <family val="3"/>
      <charset val="128"/>
    </font>
    <font>
      <b/>
      <sz val="16"/>
      <name val="ＭＳ ゴシック"/>
      <family val="3"/>
      <charset val="128"/>
    </font>
    <font>
      <sz val="18"/>
      <name val="ＭＳ 明朝"/>
      <family val="1"/>
      <charset val="128"/>
    </font>
    <font>
      <sz val="20"/>
      <name val="ＭＳ 明朝"/>
      <family val="1"/>
      <charset val="128"/>
    </font>
    <font>
      <b/>
      <sz val="20"/>
      <name val="ＭＳ 明朝"/>
      <family val="1"/>
      <charset val="128"/>
    </font>
    <font>
      <sz val="13"/>
      <name val="ＭＳ 明朝"/>
      <family val="1"/>
      <charset val="128"/>
    </font>
    <font>
      <sz val="18"/>
      <name val="ＭＳ ゴシック"/>
      <family val="3"/>
      <charset val="128"/>
    </font>
    <font>
      <sz val="15"/>
      <name val="ＭＳ 明朝"/>
      <family val="1"/>
      <charset val="128"/>
    </font>
    <font>
      <sz val="9"/>
      <color indexed="81"/>
      <name val="ＭＳ Ｐゴシック"/>
      <family val="3"/>
      <charset val="128"/>
    </font>
    <font>
      <sz val="14"/>
      <name val="HGS創英角ｺﾞｼｯｸUB"/>
      <family val="3"/>
      <charset val="128"/>
    </font>
    <font>
      <u/>
      <sz val="14"/>
      <name val="ＭＳ ゴシック"/>
      <family val="3"/>
      <charset val="128"/>
    </font>
    <font>
      <b/>
      <sz val="14"/>
      <name val="ＭＳ ゴシック"/>
      <family val="3"/>
      <charset val="128"/>
    </font>
    <font>
      <sz val="14"/>
      <name val="HG創英角ｺﾞｼｯｸUB"/>
      <family val="3"/>
      <charset val="128"/>
    </font>
    <font>
      <b/>
      <sz val="12"/>
      <name val="ＭＳ ゴシック"/>
      <family val="3"/>
      <charset val="128"/>
    </font>
    <font>
      <sz val="10"/>
      <name val="HGS創英角ｺﾞｼｯｸUB"/>
      <family val="3"/>
      <charset val="128"/>
    </font>
    <font>
      <i/>
      <sz val="16"/>
      <name val="HGS創英角ｺﾞｼｯｸUB"/>
      <family val="3"/>
      <charset val="128"/>
    </font>
    <font>
      <i/>
      <sz val="10"/>
      <name val="HGS創英角ｺﾞｼｯｸUB"/>
      <family val="3"/>
      <charset val="128"/>
    </font>
    <font>
      <i/>
      <sz val="14"/>
      <name val="HG創英角ｺﾞｼｯｸUB"/>
      <family val="3"/>
      <charset val="128"/>
    </font>
    <font>
      <u/>
      <sz val="11"/>
      <name val="ＭＳ ゴシック"/>
      <family val="3"/>
      <charset val="128"/>
    </font>
    <font>
      <u/>
      <sz val="12"/>
      <name val="ＭＳ 明朝"/>
      <family val="1"/>
      <charset val="128"/>
    </font>
    <font>
      <b/>
      <sz val="18"/>
      <name val="ＭＳ ゴシック"/>
      <family val="3"/>
      <charset val="128"/>
    </font>
    <font>
      <u/>
      <sz val="16"/>
      <name val="ＭＳ 明朝"/>
      <family val="1"/>
      <charset val="128"/>
    </font>
    <font>
      <sz val="11"/>
      <color indexed="10"/>
      <name val="ＭＳ 明朝"/>
      <family val="1"/>
      <charset val="128"/>
    </font>
    <font>
      <sz val="16"/>
      <color indexed="10"/>
      <name val="ＭＳ 明朝"/>
      <family val="1"/>
      <charset val="128"/>
    </font>
    <font>
      <sz val="12"/>
      <color indexed="10"/>
      <name val="ＭＳ 明朝"/>
      <family val="1"/>
      <charset val="128"/>
    </font>
    <font>
      <sz val="9"/>
      <color indexed="10"/>
      <name val="ＭＳ 明朝"/>
      <family val="1"/>
      <charset val="128"/>
    </font>
    <font>
      <sz val="10"/>
      <color indexed="10"/>
      <name val="ＭＳ ゴシック"/>
      <family val="3"/>
      <charset val="128"/>
    </font>
    <font>
      <b/>
      <u/>
      <sz val="11"/>
      <name val="ＭＳ 明朝"/>
      <family val="1"/>
      <charset val="128"/>
    </font>
    <font>
      <b/>
      <sz val="16"/>
      <color theme="1"/>
      <name val="ＭＳ ゴシック"/>
      <family val="3"/>
      <charset val="128"/>
    </font>
    <font>
      <b/>
      <sz val="22"/>
      <color theme="1"/>
      <name val="ＭＳ ゴシック"/>
      <family val="3"/>
      <charset val="128"/>
    </font>
    <font>
      <sz val="16"/>
      <color theme="1"/>
      <name val="ＭＳ 明朝"/>
      <family val="1"/>
      <charset val="128"/>
    </font>
    <font>
      <b/>
      <sz val="22"/>
      <color theme="1"/>
      <name val="ＭＳ Ｐゴシック"/>
      <family val="3"/>
      <charset val="128"/>
      <scheme val="minor"/>
    </font>
    <font>
      <sz val="18"/>
      <color theme="1"/>
      <name val="ＭＳ Ｐゴシック"/>
      <family val="3"/>
      <charset val="128"/>
      <scheme val="minor"/>
    </font>
    <font>
      <sz val="18"/>
      <color theme="1"/>
      <name val="ＭＳ 明朝"/>
      <family val="1"/>
      <charset val="128"/>
    </font>
    <font>
      <b/>
      <u/>
      <sz val="16"/>
      <color theme="1"/>
      <name val="ＭＳ Ｐゴシック"/>
      <family val="3"/>
      <charset val="128"/>
      <scheme val="minor"/>
    </font>
    <font>
      <sz val="16"/>
      <name val="ＭＳ Ｐゴシック"/>
      <family val="3"/>
      <charset val="128"/>
      <scheme val="major"/>
    </font>
    <font>
      <b/>
      <sz val="16"/>
      <name val="ＭＳ Ｐゴシック"/>
      <family val="3"/>
      <charset val="128"/>
      <scheme val="major"/>
    </font>
    <font>
      <b/>
      <sz val="16"/>
      <name val="ＭＳ Ｐゴシック"/>
      <family val="3"/>
      <charset val="128"/>
      <scheme val="minor"/>
    </font>
    <font>
      <b/>
      <sz val="14"/>
      <color rgb="FFFF0000"/>
      <name val="ＭＳ ゴシック"/>
      <family val="3"/>
      <charset val="128"/>
    </font>
    <font>
      <b/>
      <sz val="18"/>
      <color rgb="FFFF0000"/>
      <name val="ＭＳ ゴシック"/>
      <family val="3"/>
      <charset val="128"/>
    </font>
    <font>
      <sz val="11"/>
      <color rgb="FFFF0000"/>
      <name val="ＭＳ 明朝"/>
      <family val="1"/>
      <charset val="128"/>
    </font>
    <font>
      <sz val="10.5"/>
      <color rgb="FF000000"/>
      <name val="ＭＳ 明朝"/>
      <family val="1"/>
      <charset val="128"/>
    </font>
    <font>
      <sz val="11"/>
      <color theme="1"/>
      <name val="ＭＳ ゴシック"/>
      <family val="3"/>
      <charset val="128"/>
    </font>
    <font>
      <sz val="11"/>
      <color rgb="FF000000"/>
      <name val="ＭＳ Ｐゴシック"/>
      <family val="3"/>
      <charset val="128"/>
    </font>
    <font>
      <sz val="11"/>
      <color rgb="FFFF0000"/>
      <name val="ＭＳ ゴシック"/>
      <family val="3"/>
      <charset val="128"/>
    </font>
    <font>
      <sz val="9"/>
      <color rgb="FFFF0000"/>
      <name val="ＭＳ 明朝"/>
      <family val="1"/>
      <charset val="128"/>
    </font>
    <font>
      <sz val="16"/>
      <color rgb="FFFF0000"/>
      <name val="ＭＳ 明朝"/>
      <family val="1"/>
      <charset val="128"/>
    </font>
    <font>
      <sz val="18"/>
      <color theme="1"/>
      <name val="ＭＳ ゴシック"/>
      <family val="3"/>
      <charset val="128"/>
    </font>
    <font>
      <b/>
      <u/>
      <sz val="18"/>
      <color theme="1"/>
      <name val="ＭＳ ゴシック"/>
      <family val="3"/>
      <charset val="128"/>
    </font>
    <font>
      <sz val="10"/>
      <color rgb="FFFF0000"/>
      <name val="ＭＳ ゴシック"/>
      <family val="3"/>
      <charset val="128"/>
    </font>
    <font>
      <b/>
      <sz val="10"/>
      <color rgb="FFFF0000"/>
      <name val="ＭＳ 明朝"/>
      <family val="1"/>
      <charset val="128"/>
    </font>
    <font>
      <sz val="22"/>
      <name val="ＭＳ 明朝"/>
      <family val="1"/>
      <charset val="128"/>
    </font>
    <font>
      <sz val="8"/>
      <name val="ＭＳ ゴシック"/>
      <family val="3"/>
      <charset val="128"/>
    </font>
    <font>
      <sz val="6"/>
      <name val="ＭＳ ゴシック"/>
      <family val="3"/>
      <charset val="128"/>
    </font>
    <font>
      <sz val="9"/>
      <name val="ＭＳ ゴシック"/>
      <family val="3"/>
      <charset val="128"/>
    </font>
    <font>
      <sz val="12"/>
      <color rgb="FFFF0000"/>
      <name val="ＭＳ 明朝"/>
      <family val="1"/>
      <charset val="128"/>
    </font>
    <font>
      <sz val="16"/>
      <color rgb="FFFF0000"/>
      <name val="ＭＳ ゴシック"/>
      <family val="3"/>
      <charset val="128"/>
    </font>
  </fonts>
  <fills count="4">
    <fill>
      <patternFill patternType="none"/>
    </fill>
    <fill>
      <patternFill patternType="gray125"/>
    </fill>
    <fill>
      <patternFill patternType="solid">
        <fgColor indexed="8"/>
        <bgColor indexed="64"/>
      </patternFill>
    </fill>
    <fill>
      <patternFill patternType="solid">
        <fgColor rgb="FFFFFF00"/>
        <bgColor indexed="64"/>
      </patternFill>
    </fill>
  </fills>
  <borders count="208">
    <border>
      <left/>
      <right/>
      <top/>
      <bottom/>
      <diagonal/>
    </border>
    <border>
      <left/>
      <right/>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bottom/>
      <diagonal/>
    </border>
    <border>
      <left style="dotted">
        <color indexed="64"/>
      </left>
      <right style="thin">
        <color indexed="64"/>
      </right>
      <top style="thin">
        <color indexed="64"/>
      </top>
      <bottom/>
      <diagonal/>
    </border>
    <border>
      <left style="dotted">
        <color indexed="64"/>
      </left>
      <right style="dotted">
        <color indexed="64"/>
      </right>
      <top style="thin">
        <color indexed="64"/>
      </top>
      <bottom/>
      <diagonal/>
    </border>
    <border>
      <left style="thin">
        <color indexed="64"/>
      </left>
      <right style="dotted">
        <color indexed="64"/>
      </right>
      <top style="thin">
        <color indexed="64"/>
      </top>
      <bottom/>
      <diagonal/>
    </border>
    <border>
      <left style="thin">
        <color indexed="64"/>
      </left>
      <right style="thin">
        <color indexed="64"/>
      </right>
      <top/>
      <bottom/>
      <diagonal/>
    </border>
    <border>
      <left/>
      <right style="thin">
        <color indexed="64"/>
      </right>
      <top style="thin">
        <color indexed="64"/>
      </top>
      <bottom style="thin">
        <color indexed="64"/>
      </bottom>
      <diagonal/>
    </border>
    <border>
      <left style="dotted">
        <color indexed="64"/>
      </left>
      <right/>
      <top style="thin">
        <color indexed="64"/>
      </top>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right/>
      <top/>
      <bottom style="medium">
        <color indexed="64"/>
      </bottom>
      <diagonal/>
    </border>
    <border>
      <left/>
      <right style="medium">
        <color indexed="64"/>
      </right>
      <top/>
      <bottom style="thin">
        <color indexed="64"/>
      </bottom>
      <diagonal/>
    </border>
    <border>
      <left/>
      <right style="medium">
        <color indexed="64"/>
      </right>
      <top style="thin">
        <color indexed="64"/>
      </top>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style="medium">
        <color indexed="64"/>
      </left>
      <right/>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medium">
        <color indexed="64"/>
      </left>
      <right/>
      <top/>
      <bottom style="thin">
        <color indexed="64"/>
      </bottom>
      <diagonal/>
    </border>
    <border>
      <left style="thin">
        <color indexed="64"/>
      </left>
      <right style="dotted">
        <color indexed="64"/>
      </right>
      <top/>
      <bottom style="medium">
        <color indexed="64"/>
      </bottom>
      <diagonal/>
    </border>
    <border>
      <left style="dotted">
        <color indexed="64"/>
      </left>
      <right style="dotted">
        <color indexed="64"/>
      </right>
      <top/>
      <bottom style="medium">
        <color indexed="64"/>
      </bottom>
      <diagonal/>
    </border>
    <border>
      <left style="thin">
        <color indexed="64"/>
      </left>
      <right style="medium">
        <color indexed="64"/>
      </right>
      <top/>
      <bottom/>
      <diagonal/>
    </border>
    <border>
      <left style="dotted">
        <color indexed="64"/>
      </left>
      <right style="medium">
        <color indexed="64"/>
      </right>
      <top/>
      <bottom/>
      <diagonal/>
    </border>
    <border>
      <left style="dotted">
        <color indexed="64"/>
      </left>
      <right style="medium">
        <color indexed="64"/>
      </right>
      <top/>
      <bottom style="thin">
        <color indexed="64"/>
      </bottom>
      <diagonal/>
    </border>
    <border>
      <left style="medium">
        <color indexed="64"/>
      </left>
      <right/>
      <top/>
      <bottom style="medium">
        <color indexed="64"/>
      </bottom>
      <diagonal/>
    </border>
    <border>
      <left/>
      <right style="dotted">
        <color indexed="64"/>
      </right>
      <top style="thin">
        <color indexed="64"/>
      </top>
      <bottom/>
      <diagonal/>
    </border>
    <border>
      <left/>
      <right style="dotted">
        <color indexed="64"/>
      </right>
      <top/>
      <bottom/>
      <diagonal/>
    </border>
    <border>
      <left/>
      <right style="dotted">
        <color indexed="64"/>
      </right>
      <top/>
      <bottom style="thin">
        <color indexed="64"/>
      </bottom>
      <diagonal/>
    </border>
    <border>
      <left/>
      <right style="dotted">
        <color indexed="64"/>
      </right>
      <top/>
      <bottom style="medium">
        <color indexed="64"/>
      </bottom>
      <diagonal/>
    </border>
    <border>
      <left style="dotted">
        <color indexed="64"/>
      </left>
      <right style="medium">
        <color indexed="64"/>
      </right>
      <top style="thin">
        <color indexed="64"/>
      </top>
      <bottom/>
      <diagonal/>
    </border>
    <border>
      <left style="dotted">
        <color indexed="64"/>
      </left>
      <right style="medium">
        <color indexed="64"/>
      </right>
      <top/>
      <bottom style="medium">
        <color indexed="64"/>
      </bottom>
      <diagonal/>
    </border>
    <border>
      <left/>
      <right/>
      <top style="dotted">
        <color indexed="64"/>
      </top>
      <bottom/>
      <diagonal/>
    </border>
    <border>
      <left/>
      <right style="medium">
        <color indexed="64"/>
      </right>
      <top style="thin">
        <color indexed="64"/>
      </top>
      <bottom style="thin">
        <color indexed="64"/>
      </bottom>
      <diagonal/>
    </border>
    <border>
      <left style="dotted">
        <color indexed="64"/>
      </left>
      <right/>
      <top/>
      <bottom/>
      <diagonal/>
    </border>
    <border>
      <left style="medium">
        <color indexed="64"/>
      </left>
      <right/>
      <top style="dotted">
        <color indexed="64"/>
      </top>
      <bottom/>
      <diagonal/>
    </border>
    <border>
      <left/>
      <right style="medium">
        <color indexed="64"/>
      </right>
      <top style="dotted">
        <color indexed="64"/>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right style="medium">
        <color indexed="64"/>
      </right>
      <top style="medium">
        <color indexed="64"/>
      </top>
      <bottom style="medium">
        <color indexed="64"/>
      </bottom>
      <diagonal/>
    </border>
    <border>
      <left style="dotted">
        <color indexed="64"/>
      </left>
      <right/>
      <top style="dotted">
        <color indexed="64"/>
      </top>
      <bottom/>
      <diagonal/>
    </border>
    <border>
      <left/>
      <right style="dotted">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top style="medium">
        <color indexed="64"/>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medium">
        <color indexed="64"/>
      </right>
      <top/>
      <bottom style="dotted">
        <color indexed="64"/>
      </bottom>
      <diagonal/>
    </border>
    <border>
      <left style="thin">
        <color indexed="64"/>
      </left>
      <right/>
      <top style="dotted">
        <color indexed="64"/>
      </top>
      <bottom/>
      <diagonal/>
    </border>
    <border>
      <left/>
      <right style="medium">
        <color indexed="64"/>
      </right>
      <top style="thin">
        <color indexed="64"/>
      </top>
      <bottom style="medium">
        <color indexed="64"/>
      </bottom>
      <diagonal/>
    </border>
    <border>
      <left style="thin">
        <color indexed="64"/>
      </left>
      <right/>
      <top/>
      <bottom style="dotted">
        <color indexed="64"/>
      </bottom>
      <diagonal/>
    </border>
    <border>
      <left style="medium">
        <color indexed="64"/>
      </left>
      <right style="medium">
        <color indexed="64"/>
      </right>
      <top/>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medium">
        <color indexed="64"/>
      </left>
      <right/>
      <top style="medium">
        <color indexed="64"/>
      </top>
      <bottom style="double">
        <color indexed="64"/>
      </bottom>
      <diagonal/>
    </border>
    <border>
      <left/>
      <right/>
      <top style="medium">
        <color indexed="64"/>
      </top>
      <bottom style="double">
        <color indexed="64"/>
      </bottom>
      <diagonal/>
    </border>
    <border>
      <left/>
      <right style="thin">
        <color indexed="64"/>
      </right>
      <top style="medium">
        <color indexed="64"/>
      </top>
      <bottom style="double">
        <color indexed="64"/>
      </bottom>
      <diagonal/>
    </border>
    <border>
      <left style="medium">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right style="hair">
        <color indexed="64"/>
      </right>
      <top/>
      <bottom/>
      <diagonal/>
    </border>
    <border>
      <left/>
      <right style="hair">
        <color indexed="64"/>
      </right>
      <top/>
      <bottom style="medium">
        <color indexed="64"/>
      </bottom>
      <diagonal/>
    </border>
    <border>
      <left style="hair">
        <color indexed="64"/>
      </left>
      <right/>
      <top/>
      <bottom/>
      <diagonal/>
    </border>
    <border>
      <left style="hair">
        <color indexed="64"/>
      </left>
      <right/>
      <top/>
      <bottom style="medium">
        <color indexed="64"/>
      </bottom>
      <diagonal/>
    </border>
    <border>
      <left style="dotted">
        <color indexed="64"/>
      </left>
      <right/>
      <top/>
      <bottom style="medium">
        <color indexed="64"/>
      </bottom>
      <diagonal/>
    </border>
    <border>
      <left/>
      <right style="thin">
        <color indexed="64"/>
      </right>
      <top style="dotted">
        <color indexed="64"/>
      </top>
      <bottom/>
      <diagonal/>
    </border>
    <border>
      <left style="medium">
        <color indexed="64"/>
      </left>
      <right/>
      <top style="thin">
        <color indexed="64"/>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style="dotted">
        <color indexed="64"/>
      </bottom>
      <diagonal/>
    </border>
    <border>
      <left style="dotted">
        <color indexed="64"/>
      </left>
      <right/>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medium">
        <color indexed="64"/>
      </top>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dotted">
        <color indexed="64"/>
      </left>
      <right style="thin">
        <color indexed="64"/>
      </right>
      <top/>
      <bottom/>
      <diagonal/>
    </border>
    <border>
      <left style="dotted">
        <color indexed="64"/>
      </left>
      <right style="thin">
        <color indexed="64"/>
      </right>
      <top/>
      <bottom style="medium">
        <color indexed="64"/>
      </bottom>
      <diagonal/>
    </border>
    <border>
      <left style="medium">
        <color indexed="64"/>
      </left>
      <right/>
      <top/>
      <bottom style="dotted">
        <color indexed="64"/>
      </bottom>
      <diagonal/>
    </border>
    <border>
      <left/>
      <right style="thin">
        <color indexed="64"/>
      </right>
      <top/>
      <bottom style="dotted">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dashed">
        <color indexed="64"/>
      </right>
      <top/>
      <bottom/>
      <diagonal/>
    </border>
    <border>
      <left style="dashed">
        <color indexed="64"/>
      </left>
      <right style="dashed">
        <color indexed="64"/>
      </right>
      <top style="thin">
        <color indexed="64"/>
      </top>
      <bottom/>
      <diagonal/>
    </border>
    <border>
      <left style="dashed">
        <color indexed="64"/>
      </left>
      <right style="dashed">
        <color indexed="64"/>
      </right>
      <top/>
      <bottom/>
      <diagonal/>
    </border>
    <border>
      <left style="dashed">
        <color indexed="64"/>
      </left>
      <right style="dashed">
        <color indexed="64"/>
      </right>
      <top/>
      <bottom style="thin">
        <color indexed="64"/>
      </bottom>
      <diagonal/>
    </border>
    <border>
      <left style="dashed">
        <color indexed="64"/>
      </left>
      <right style="thin">
        <color indexed="64"/>
      </right>
      <top style="thin">
        <color indexed="64"/>
      </top>
      <bottom/>
      <diagonal/>
    </border>
    <border>
      <left style="dashed">
        <color indexed="64"/>
      </left>
      <right style="thin">
        <color indexed="64"/>
      </right>
      <top/>
      <bottom/>
      <diagonal/>
    </border>
    <border>
      <left style="dashed">
        <color indexed="64"/>
      </left>
      <right style="thin">
        <color indexed="64"/>
      </right>
      <top/>
      <bottom style="thin">
        <color indexed="64"/>
      </bottom>
      <diagonal/>
    </border>
    <border>
      <left style="dotted">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style="hair">
        <color indexed="64"/>
      </top>
      <bottom style="hair">
        <color indexed="64"/>
      </bottom>
      <diagonal/>
    </border>
    <border>
      <left style="thin">
        <color indexed="64"/>
      </left>
      <right/>
      <top style="medium">
        <color indexed="64"/>
      </top>
      <bottom style="double">
        <color indexed="64"/>
      </bottom>
      <diagonal/>
    </border>
    <border>
      <left style="thin">
        <color indexed="64"/>
      </left>
      <right/>
      <top style="hair">
        <color indexed="64"/>
      </top>
      <bottom style="hair">
        <color indexed="64"/>
      </bottom>
      <diagonal/>
    </border>
    <border>
      <left style="medium">
        <color indexed="64"/>
      </left>
      <right style="thin">
        <color indexed="64"/>
      </right>
      <top style="medium">
        <color indexed="64"/>
      </top>
      <bottom style="double">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thin">
        <color indexed="64"/>
      </left>
      <right style="thin">
        <color indexed="64"/>
      </right>
      <top style="double">
        <color indexed="64"/>
      </top>
      <bottom style="hair">
        <color indexed="64"/>
      </bottom>
      <diagonal/>
    </border>
    <border>
      <left style="thin">
        <color indexed="64"/>
      </left>
      <right style="medium">
        <color indexed="64"/>
      </right>
      <top style="double">
        <color indexed="64"/>
      </top>
      <bottom style="hair">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style="medium">
        <color indexed="64"/>
      </right>
      <top style="double">
        <color indexed="64"/>
      </top>
      <bottom style="hair">
        <color indexed="64"/>
      </bottom>
      <diagonal/>
    </border>
    <border>
      <left/>
      <right style="medium">
        <color indexed="64"/>
      </right>
      <top style="medium">
        <color indexed="64"/>
      </top>
      <bottom style="double">
        <color indexed="64"/>
      </bottom>
      <diagonal/>
    </border>
    <border>
      <left/>
      <right style="medium">
        <color indexed="64"/>
      </right>
      <top style="hair">
        <color indexed="64"/>
      </top>
      <bottom style="hair">
        <color indexed="64"/>
      </bottom>
      <diagonal/>
    </border>
    <border>
      <left style="medium">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medium">
        <color indexed="64"/>
      </bottom>
      <diagonal/>
    </border>
    <border>
      <left style="thick">
        <color indexed="64"/>
      </left>
      <right/>
      <top style="thick">
        <color indexed="64"/>
      </top>
      <bottom/>
      <diagonal/>
    </border>
    <border>
      <left/>
      <right/>
      <top style="thick">
        <color indexed="64"/>
      </top>
      <bottom/>
      <diagonal/>
    </border>
    <border>
      <left/>
      <right style="thick">
        <color indexed="64"/>
      </right>
      <top style="thick">
        <color indexed="64"/>
      </top>
      <bottom/>
      <diagonal/>
    </border>
    <border>
      <left style="thick">
        <color indexed="64"/>
      </left>
      <right/>
      <top/>
      <bottom/>
      <diagonal/>
    </border>
    <border>
      <left/>
      <right style="thick">
        <color indexed="64"/>
      </right>
      <top/>
      <bottom/>
      <diagonal/>
    </border>
    <border>
      <left style="thick">
        <color indexed="64"/>
      </left>
      <right/>
      <top/>
      <bottom style="thin">
        <color indexed="64"/>
      </bottom>
      <diagonal/>
    </border>
    <border>
      <left/>
      <right style="thick">
        <color indexed="64"/>
      </right>
      <top/>
      <bottom style="thin">
        <color indexed="64"/>
      </bottom>
      <diagonal/>
    </border>
    <border>
      <left style="thick">
        <color indexed="64"/>
      </left>
      <right/>
      <top style="thin">
        <color indexed="64"/>
      </top>
      <bottom/>
      <diagonal/>
    </border>
    <border>
      <left/>
      <right style="thick">
        <color indexed="64"/>
      </right>
      <top style="thin">
        <color indexed="64"/>
      </top>
      <bottom/>
      <diagonal/>
    </border>
    <border>
      <left style="thick">
        <color indexed="64"/>
      </left>
      <right/>
      <top/>
      <bottom style="thick">
        <color indexed="64"/>
      </bottom>
      <diagonal/>
    </border>
    <border>
      <left/>
      <right style="dotted">
        <color indexed="64"/>
      </right>
      <top/>
      <bottom style="thick">
        <color indexed="64"/>
      </bottom>
      <diagonal/>
    </border>
    <border>
      <left style="dotted">
        <color indexed="64"/>
      </left>
      <right/>
      <top/>
      <bottom style="thick">
        <color indexed="64"/>
      </bottom>
      <diagonal/>
    </border>
    <border>
      <left/>
      <right style="thick">
        <color indexed="64"/>
      </right>
      <top/>
      <bottom style="thick">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dotted">
        <color indexed="64"/>
      </left>
      <right style="thick">
        <color indexed="64"/>
      </right>
      <top style="thin">
        <color indexed="64"/>
      </top>
      <bottom/>
      <diagonal/>
    </border>
    <border>
      <left style="dotted">
        <color indexed="64"/>
      </left>
      <right style="thick">
        <color indexed="64"/>
      </right>
      <top/>
      <bottom/>
      <diagonal/>
    </border>
    <border>
      <left/>
      <right/>
      <top/>
      <bottom style="thick">
        <color indexed="64"/>
      </bottom>
      <diagonal/>
    </border>
    <border>
      <left/>
      <right style="thin">
        <color indexed="64"/>
      </right>
      <top/>
      <bottom style="thick">
        <color indexed="64"/>
      </bottom>
      <diagonal/>
    </border>
    <border>
      <left style="thin">
        <color indexed="64"/>
      </left>
      <right style="dotted">
        <color indexed="64"/>
      </right>
      <top/>
      <bottom style="thick">
        <color indexed="64"/>
      </bottom>
      <diagonal/>
    </border>
    <border>
      <left style="dotted">
        <color indexed="64"/>
      </left>
      <right style="thick">
        <color indexed="64"/>
      </right>
      <top/>
      <bottom style="thick">
        <color indexed="64"/>
      </bottom>
      <diagonal/>
    </border>
    <border>
      <left style="thin">
        <color indexed="64"/>
      </left>
      <right/>
      <top/>
      <bottom style="thick">
        <color indexed="64"/>
      </bottom>
      <diagonal/>
    </border>
    <border>
      <left style="thick">
        <color indexed="64"/>
      </left>
      <right style="thick">
        <color indexed="64"/>
      </right>
      <top style="thick">
        <color indexed="64"/>
      </top>
      <bottom/>
      <diagonal/>
    </border>
    <border>
      <left style="thick">
        <color indexed="64"/>
      </left>
      <right style="thick">
        <color indexed="64"/>
      </right>
      <top/>
      <bottom/>
      <diagonal/>
    </border>
    <border>
      <left style="thick">
        <color indexed="64"/>
      </left>
      <right style="thick">
        <color indexed="64"/>
      </right>
      <top/>
      <bottom style="thin">
        <color indexed="64"/>
      </bottom>
      <diagonal/>
    </border>
    <border>
      <left style="thick">
        <color indexed="64"/>
      </left>
      <right style="thick">
        <color indexed="64"/>
      </right>
      <top style="thin">
        <color indexed="64"/>
      </top>
      <bottom/>
      <diagonal/>
    </border>
    <border>
      <left style="thick">
        <color indexed="64"/>
      </left>
      <right style="thick">
        <color indexed="64"/>
      </right>
      <top/>
      <bottom style="thick">
        <color indexed="64"/>
      </bottom>
      <diagonal/>
    </border>
    <border>
      <left/>
      <right style="thin">
        <color indexed="64"/>
      </right>
      <top style="thick">
        <color indexed="64"/>
      </top>
      <bottom/>
      <diagonal/>
    </border>
    <border>
      <left style="thin">
        <color indexed="64"/>
      </left>
      <right style="thin">
        <color indexed="64"/>
      </right>
      <top style="thick">
        <color indexed="64"/>
      </top>
      <bottom/>
      <diagonal/>
    </border>
    <border>
      <left style="thin">
        <color indexed="64"/>
      </left>
      <right/>
      <top style="thick">
        <color indexed="64"/>
      </top>
      <bottom/>
      <diagonal/>
    </border>
    <border>
      <left style="dotted">
        <color indexed="64"/>
      </left>
      <right style="thin">
        <color indexed="64"/>
      </right>
      <top/>
      <bottom style="thick">
        <color indexed="64"/>
      </bottom>
      <diagonal/>
    </border>
    <border>
      <left style="thin">
        <color indexed="64"/>
      </left>
      <right style="thin">
        <color indexed="64"/>
      </right>
      <top/>
      <bottom style="thick">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thin">
        <color indexed="64"/>
      </bottom>
      <diagonal/>
    </border>
  </borders>
  <cellStyleXfs count="6">
    <xf numFmtId="0" fontId="0" fillId="0" borderId="0">
      <alignment vertical="center"/>
    </xf>
    <xf numFmtId="0" fontId="13" fillId="0" borderId="0"/>
    <xf numFmtId="0" fontId="13" fillId="0" borderId="0">
      <alignment vertical="center"/>
    </xf>
    <xf numFmtId="0" fontId="3" fillId="0" borderId="0"/>
    <xf numFmtId="0" fontId="1" fillId="0" borderId="0">
      <alignment vertical="center"/>
    </xf>
    <xf numFmtId="0" fontId="13" fillId="0" borderId="0"/>
  </cellStyleXfs>
  <cellXfs count="1844">
    <xf numFmtId="0" fontId="0" fillId="0" borderId="0" xfId="0">
      <alignment vertical="center"/>
    </xf>
    <xf numFmtId="0" fontId="0" fillId="0" borderId="1" xfId="0" applyBorder="1">
      <alignment vertical="center"/>
    </xf>
    <xf numFmtId="0" fontId="0" fillId="0" borderId="2" xfId="0" applyBorder="1">
      <alignment vertical="center"/>
    </xf>
    <xf numFmtId="0" fontId="0" fillId="0" borderId="0" xfId="0" applyBorder="1">
      <alignment vertical="center"/>
    </xf>
    <xf numFmtId="0" fontId="0" fillId="0" borderId="3" xfId="0" applyBorder="1">
      <alignment vertical="center"/>
    </xf>
    <xf numFmtId="0" fontId="0" fillId="0" borderId="4" xfId="0" applyBorder="1">
      <alignment vertical="center"/>
    </xf>
    <xf numFmtId="0" fontId="2" fillId="0" borderId="4" xfId="0" applyFont="1" applyBorder="1" applyAlignment="1">
      <alignment horizontal="right" vertical="center"/>
    </xf>
    <xf numFmtId="0" fontId="2" fillId="0" borderId="3" xfId="0" applyFont="1" applyBorder="1" applyAlignment="1">
      <alignment horizontal="left" vertical="center"/>
    </xf>
    <xf numFmtId="0" fontId="0" fillId="0" borderId="5" xfId="0" applyBorder="1">
      <alignment vertical="center"/>
    </xf>
    <xf numFmtId="0" fontId="0" fillId="0" borderId="6" xfId="0" applyBorder="1">
      <alignment vertical="center"/>
    </xf>
    <xf numFmtId="0" fontId="0" fillId="0" borderId="7" xfId="0" applyBorder="1">
      <alignment vertical="center"/>
    </xf>
    <xf numFmtId="0" fontId="4" fillId="0" borderId="1"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2" fillId="0" borderId="3" xfId="0" applyFont="1" applyBorder="1" applyAlignment="1">
      <alignment horizontal="center" vertical="center"/>
    </xf>
    <xf numFmtId="0" fontId="2" fillId="0" borderId="8" xfId="0" applyFont="1" applyBorder="1" applyAlignment="1">
      <alignment horizontal="center" vertical="center"/>
    </xf>
    <xf numFmtId="0" fontId="2" fillId="0" borderId="1" xfId="0" applyFont="1" applyBorder="1" applyAlignment="1">
      <alignment horizontal="center" vertical="center"/>
    </xf>
    <xf numFmtId="0" fontId="2" fillId="0" borderId="1" xfId="0" applyFont="1" applyBorder="1" applyAlignment="1">
      <alignment horizontal="center" vertical="center" wrapText="1"/>
    </xf>
    <xf numFmtId="0" fontId="0" fillId="0" borderId="9" xfId="0" applyBorder="1" applyAlignment="1">
      <alignment horizontal="center" vertical="center"/>
    </xf>
    <xf numFmtId="0" fontId="0" fillId="0" borderId="10" xfId="0" applyBorder="1">
      <alignment vertical="center"/>
    </xf>
    <xf numFmtId="0" fontId="3" fillId="0" borderId="0" xfId="0" applyFont="1" applyAlignment="1">
      <alignment horizontal="center" vertical="center"/>
    </xf>
    <xf numFmtId="0" fontId="4" fillId="0" borderId="0" xfId="0" applyFont="1">
      <alignment vertical="center"/>
    </xf>
    <xf numFmtId="0" fontId="5" fillId="0" borderId="0" xfId="0" applyFont="1">
      <alignment vertical="center"/>
    </xf>
    <xf numFmtId="0" fontId="5" fillId="0" borderId="11" xfId="0" applyFont="1" applyBorder="1">
      <alignment vertical="center"/>
    </xf>
    <xf numFmtId="0" fontId="5" fillId="0" borderId="7" xfId="0" applyFont="1" applyBorder="1">
      <alignment vertical="center"/>
    </xf>
    <xf numFmtId="0" fontId="5" fillId="0" borderId="2" xfId="0" applyFont="1" applyBorder="1">
      <alignment vertical="center"/>
    </xf>
    <xf numFmtId="0" fontId="5" fillId="0" borderId="0" xfId="0" applyFont="1" applyBorder="1">
      <alignment vertical="center"/>
    </xf>
    <xf numFmtId="0" fontId="5" fillId="0" borderId="3" xfId="0" applyFont="1" applyBorder="1">
      <alignment vertical="center"/>
    </xf>
    <xf numFmtId="0" fontId="5" fillId="0" borderId="1" xfId="0" applyFont="1" applyBorder="1">
      <alignment vertical="center"/>
    </xf>
    <xf numFmtId="0" fontId="5" fillId="0" borderId="4" xfId="0" applyFont="1" applyBorder="1">
      <alignment vertical="center"/>
    </xf>
    <xf numFmtId="0" fontId="5" fillId="0" borderId="7" xfId="0" applyFont="1" applyBorder="1" applyAlignment="1">
      <alignment horizontal="center" vertical="center"/>
    </xf>
    <xf numFmtId="0" fontId="5" fillId="0" borderId="7" xfId="0" applyFont="1" applyBorder="1" applyAlignment="1">
      <alignment horizontal="distributed" vertical="center"/>
    </xf>
    <xf numFmtId="49" fontId="5" fillId="0" borderId="0" xfId="0" applyNumberFormat="1" applyFont="1" applyBorder="1" applyAlignment="1">
      <alignment horizontal="center" vertical="center"/>
    </xf>
    <xf numFmtId="0" fontId="9" fillId="0" borderId="0" xfId="0" applyFont="1">
      <alignment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5" fillId="0" borderId="0" xfId="0" applyFont="1" applyAlignment="1">
      <alignment horizontal="center" vertical="center"/>
    </xf>
    <xf numFmtId="0" fontId="0" fillId="0" borderId="11" xfId="0" applyBorder="1">
      <alignment vertical="center"/>
    </xf>
    <xf numFmtId="0" fontId="2" fillId="0" borderId="0" xfId="0" applyFont="1" applyBorder="1" applyAlignment="1">
      <alignment vertical="center" textRotation="255"/>
    </xf>
    <xf numFmtId="0" fontId="2" fillId="0" borderId="0" xfId="0" applyFont="1" applyBorder="1" applyAlignment="1">
      <alignment horizontal="center" vertical="center"/>
    </xf>
    <xf numFmtId="0" fontId="2" fillId="0" borderId="0" xfId="0" applyFont="1">
      <alignment vertical="center"/>
    </xf>
    <xf numFmtId="0" fontId="2" fillId="0" borderId="5" xfId="0" applyFont="1" applyBorder="1" applyAlignment="1">
      <alignment horizontal="right" vertical="center"/>
    </xf>
    <xf numFmtId="0" fontId="2" fillId="0" borderId="7" xfId="0" applyFont="1" applyBorder="1" applyAlignment="1">
      <alignment horizontal="right" vertical="center"/>
    </xf>
    <xf numFmtId="0" fontId="2" fillId="0" borderId="12" xfId="0" applyFont="1" applyBorder="1" applyAlignment="1">
      <alignment horizontal="right" vertical="center"/>
    </xf>
    <xf numFmtId="0" fontId="0" fillId="0" borderId="9" xfId="0" applyBorder="1" applyAlignment="1">
      <alignment horizontal="center"/>
    </xf>
    <xf numFmtId="0" fontId="0" fillId="0" borderId="14" xfId="0" applyBorder="1" applyAlignment="1">
      <alignment horizontal="center"/>
    </xf>
    <xf numFmtId="0" fontId="0" fillId="0" borderId="13" xfId="0" applyBorder="1" applyAlignment="1">
      <alignment horizontal="center"/>
    </xf>
    <xf numFmtId="0" fontId="0" fillId="0" borderId="12" xfId="0" applyBorder="1" applyAlignment="1">
      <alignment horizontal="center"/>
    </xf>
    <xf numFmtId="0" fontId="2" fillId="0" borderId="13" xfId="0" applyFont="1" applyBorder="1" applyAlignment="1">
      <alignment horizontal="center"/>
    </xf>
    <xf numFmtId="0" fontId="8" fillId="0" borderId="0" xfId="0" applyFont="1" applyBorder="1" applyAlignment="1">
      <alignment horizontal="center" vertical="center"/>
    </xf>
    <xf numFmtId="0" fontId="10" fillId="0" borderId="6" xfId="0" applyFont="1" applyBorder="1">
      <alignment vertical="center"/>
    </xf>
    <xf numFmtId="0" fontId="10" fillId="0" borderId="9" xfId="0" applyFont="1" applyBorder="1" applyAlignment="1">
      <alignment horizontal="center" vertical="center"/>
    </xf>
    <xf numFmtId="0" fontId="9" fillId="0" borderId="15" xfId="0" applyFont="1" applyBorder="1" applyAlignment="1">
      <alignment horizontal="center" vertical="center"/>
    </xf>
    <xf numFmtId="0" fontId="10" fillId="0" borderId="3" xfId="0" applyFont="1" applyBorder="1">
      <alignment vertical="center"/>
    </xf>
    <xf numFmtId="0" fontId="10" fillId="0" borderId="8" xfId="0" applyFont="1" applyBorder="1" applyAlignment="1">
      <alignment horizontal="center" vertical="center"/>
    </xf>
    <xf numFmtId="0" fontId="0" fillId="0" borderId="0" xfId="0" applyBorder="1" applyAlignment="1">
      <alignment horizontal="distributed" vertical="center"/>
    </xf>
    <xf numFmtId="0" fontId="3" fillId="0" borderId="0" xfId="0" applyFont="1">
      <alignment vertical="center"/>
    </xf>
    <xf numFmtId="0" fontId="3" fillId="0" borderId="0" xfId="0" applyFont="1" applyBorder="1" applyAlignment="1">
      <alignment horizontal="center" vertical="center"/>
    </xf>
    <xf numFmtId="0" fontId="13" fillId="0" borderId="0" xfId="5"/>
    <xf numFmtId="0" fontId="20" fillId="0" borderId="0" xfId="5" applyFont="1" applyAlignment="1">
      <alignment vertical="top"/>
    </xf>
    <xf numFmtId="0" fontId="3" fillId="0" borderId="0" xfId="0" applyFont="1" applyBorder="1" applyAlignment="1">
      <alignment horizontal="distributed" vertical="center"/>
    </xf>
    <xf numFmtId="0" fontId="3" fillId="0" borderId="16" xfId="0" applyFont="1" applyBorder="1" applyAlignment="1">
      <alignment horizontal="distributed" vertical="center"/>
    </xf>
    <xf numFmtId="0" fontId="0" fillId="0" borderId="3" xfId="0" applyBorder="1" applyAlignment="1">
      <alignment horizontal="center" vertical="center"/>
    </xf>
    <xf numFmtId="0" fontId="0" fillId="0" borderId="1" xfId="0" applyBorder="1" applyAlignment="1">
      <alignment horizontal="center" vertical="center"/>
    </xf>
    <xf numFmtId="0" fontId="0" fillId="0" borderId="4" xfId="0" applyBorder="1" applyAlignment="1">
      <alignment horizontal="center" vertical="center"/>
    </xf>
    <xf numFmtId="0" fontId="2" fillId="0" borderId="4" xfId="0" applyFont="1" applyBorder="1" applyAlignment="1">
      <alignment horizontal="center" vertical="center"/>
    </xf>
    <xf numFmtId="0" fontId="3" fillId="0" borderId="11" xfId="0" applyFont="1" applyBorder="1" applyAlignment="1">
      <alignment horizontal="center" vertical="center"/>
    </xf>
    <xf numFmtId="0" fontId="5" fillId="0" borderId="0" xfId="0" applyFont="1" applyBorder="1" applyAlignment="1">
      <alignment horizontal="center" vertical="center"/>
    </xf>
    <xf numFmtId="0" fontId="4" fillId="0" borderId="0" xfId="0" applyFont="1" applyBorder="1">
      <alignment vertical="center"/>
    </xf>
    <xf numFmtId="0" fontId="3" fillId="0" borderId="0" xfId="0" applyFont="1" applyBorder="1">
      <alignment vertical="center"/>
    </xf>
    <xf numFmtId="0" fontId="3" fillId="0" borderId="0" xfId="0" applyFont="1" applyBorder="1" applyAlignment="1">
      <alignment vertical="center" textRotation="255"/>
    </xf>
    <xf numFmtId="0" fontId="3" fillId="0" borderId="0" xfId="0" applyFont="1" applyBorder="1" applyAlignment="1">
      <alignment horizontal="left" vertical="center"/>
    </xf>
    <xf numFmtId="0" fontId="3" fillId="0" borderId="0" xfId="0" applyFont="1" applyBorder="1" applyAlignment="1">
      <alignment horizontal="right" vertical="center"/>
    </xf>
    <xf numFmtId="0" fontId="3" fillId="0" borderId="0" xfId="0" applyFont="1" applyBorder="1" applyAlignment="1">
      <alignment horizontal="center" vertical="center" wrapText="1"/>
    </xf>
    <xf numFmtId="0" fontId="16" fillId="0" borderId="0" xfId="0" applyFont="1" applyBorder="1" applyAlignment="1">
      <alignment horizontal="center" vertical="center" wrapText="1"/>
    </xf>
    <xf numFmtId="0" fontId="3" fillId="0" borderId="0" xfId="0" applyFont="1" applyBorder="1" applyAlignment="1">
      <alignment vertical="center"/>
    </xf>
    <xf numFmtId="0" fontId="3" fillId="0" borderId="0" xfId="0" applyFont="1" applyBorder="1" applyAlignment="1">
      <alignment horizontal="center"/>
    </xf>
    <xf numFmtId="49" fontId="3" fillId="0" borderId="0" xfId="0" applyNumberFormat="1"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5" xfId="0" applyFont="1" applyBorder="1">
      <alignment vertical="center"/>
    </xf>
    <xf numFmtId="0" fontId="3" fillId="0" borderId="2" xfId="0" applyFont="1" applyBorder="1" applyAlignment="1">
      <alignment horizontal="center" vertical="center"/>
    </xf>
    <xf numFmtId="0" fontId="3" fillId="0" borderId="9" xfId="0" applyFont="1" applyBorder="1">
      <alignment vertical="center"/>
    </xf>
    <xf numFmtId="0" fontId="3" fillId="0" borderId="17" xfId="0" applyFont="1" applyBorder="1">
      <alignment vertical="center"/>
    </xf>
    <xf numFmtId="0" fontId="3" fillId="0" borderId="7" xfId="0" applyFont="1" applyBorder="1" applyAlignment="1">
      <alignment horizontal="center" vertical="center"/>
    </xf>
    <xf numFmtId="0" fontId="3" fillId="0" borderId="7" xfId="0" applyFont="1" applyBorder="1" applyAlignment="1">
      <alignment vertical="center" textRotation="255"/>
    </xf>
    <xf numFmtId="0" fontId="3" fillId="0" borderId="6" xfId="0" applyFont="1" applyBorder="1" applyAlignment="1">
      <alignment horizontal="center" vertical="center"/>
    </xf>
    <xf numFmtId="0" fontId="3" fillId="0" borderId="5" xfId="0" applyFont="1" applyBorder="1" applyAlignment="1">
      <alignment horizontal="center" vertical="center"/>
    </xf>
    <xf numFmtId="0" fontId="2" fillId="0" borderId="2" xfId="0" applyFont="1" applyBorder="1" applyAlignment="1">
      <alignment horizontal="center" vertical="center"/>
    </xf>
    <xf numFmtId="0" fontId="2"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0" fontId="3" fillId="0" borderId="9" xfId="0" applyFont="1" applyBorder="1" applyAlignment="1">
      <alignment horizontal="center" vertical="center"/>
    </xf>
    <xf numFmtId="0" fontId="3" fillId="0" borderId="6" xfId="0" applyFont="1" applyBorder="1" applyAlignment="1">
      <alignment horizontal="center" vertical="center" wrapText="1"/>
    </xf>
    <xf numFmtId="0" fontId="3" fillId="0" borderId="5" xfId="0" applyFont="1" applyBorder="1" applyAlignment="1">
      <alignment horizontal="center" vertical="center" wrapText="1"/>
    </xf>
    <xf numFmtId="0" fontId="3" fillId="0" borderId="5" xfId="0" applyFont="1" applyBorder="1" applyAlignment="1">
      <alignment vertical="center" textRotation="255"/>
    </xf>
    <xf numFmtId="0" fontId="3" fillId="0" borderId="6" xfId="0" applyFont="1" applyBorder="1" applyAlignment="1">
      <alignment vertical="center" textRotation="255"/>
    </xf>
    <xf numFmtId="0" fontId="3" fillId="0" borderId="6" xfId="0" applyFont="1" applyBorder="1" applyAlignment="1">
      <alignment horizontal="right" vertical="center"/>
    </xf>
    <xf numFmtId="49" fontId="2" fillId="0" borderId="3" xfId="0" applyNumberFormat="1" applyFont="1" applyBorder="1" applyAlignment="1">
      <alignment horizontal="center" vertical="center"/>
    </xf>
    <xf numFmtId="49" fontId="2" fillId="0" borderId="4" xfId="0" applyNumberFormat="1" applyFont="1" applyBorder="1" applyAlignment="1">
      <alignment horizontal="center" vertical="center"/>
    </xf>
    <xf numFmtId="0" fontId="2" fillId="0" borderId="0" xfId="0" applyFont="1" applyAlignment="1">
      <alignment horizontal="center" vertical="center"/>
    </xf>
    <xf numFmtId="0" fontId="0" fillId="0" borderId="0" xfId="0" applyAlignment="1">
      <alignment horizontal="center" vertical="center"/>
    </xf>
    <xf numFmtId="0" fontId="2" fillId="0" borderId="12" xfId="0" applyFont="1" applyBorder="1" applyAlignment="1">
      <alignment horizontal="right" vertical="top"/>
    </xf>
    <xf numFmtId="0" fontId="3" fillId="0" borderId="17" xfId="0" applyFont="1" applyBorder="1" applyAlignment="1">
      <alignment horizontal="right" vertical="center"/>
    </xf>
    <xf numFmtId="0" fontId="3" fillId="0" borderId="14" xfId="0" applyFont="1" applyBorder="1" applyAlignment="1">
      <alignment horizontal="right" vertical="center"/>
    </xf>
    <xf numFmtId="0" fontId="2" fillId="0" borderId="17" xfId="0" applyFont="1" applyBorder="1" applyAlignment="1">
      <alignment horizontal="right" vertical="top"/>
    </xf>
    <xf numFmtId="0" fontId="3" fillId="0" borderId="9" xfId="0" applyFont="1" applyBorder="1" applyAlignment="1">
      <alignment horizontal="right" vertical="center"/>
    </xf>
    <xf numFmtId="0" fontId="3" fillId="0" borderId="2" xfId="0" applyFont="1" applyBorder="1" applyAlignment="1">
      <alignment horizontal="right" vertical="center"/>
    </xf>
    <xf numFmtId="0" fontId="3" fillId="0" borderId="19" xfId="0" applyFont="1" applyBorder="1" applyAlignment="1">
      <alignment horizontal="center" vertical="center"/>
    </xf>
    <xf numFmtId="0" fontId="27" fillId="0" borderId="0" xfId="0" applyFont="1" applyBorder="1">
      <alignment vertical="center"/>
    </xf>
    <xf numFmtId="0" fontId="8" fillId="0" borderId="0" xfId="0" applyFont="1" applyBorder="1">
      <alignment vertical="center"/>
    </xf>
    <xf numFmtId="0" fontId="3" fillId="0" borderId="0" xfId="0" applyFont="1" applyBorder="1" applyAlignment="1">
      <alignment vertical="center" wrapText="1"/>
    </xf>
    <xf numFmtId="0" fontId="8" fillId="0" borderId="0" xfId="0" applyFont="1">
      <alignment vertical="center"/>
    </xf>
    <xf numFmtId="49" fontId="4" fillId="0" borderId="0" xfId="0" applyNumberFormat="1" applyFont="1" applyBorder="1">
      <alignment vertical="center"/>
    </xf>
    <xf numFmtId="0" fontId="29" fillId="0" borderId="0" xfId="0" applyFont="1" applyAlignment="1">
      <alignment horizontal="center" vertical="center"/>
    </xf>
    <xf numFmtId="0" fontId="25" fillId="0" borderId="0" xfId="0" applyFont="1">
      <alignment vertical="center"/>
    </xf>
    <xf numFmtId="0" fontId="25" fillId="0" borderId="0" xfId="0" applyFont="1" applyAlignment="1">
      <alignment vertical="center"/>
    </xf>
    <xf numFmtId="0" fontId="0" fillId="0" borderId="0" xfId="0" applyAlignment="1">
      <alignment vertical="center"/>
    </xf>
    <xf numFmtId="0" fontId="4" fillId="0" borderId="1" xfId="0" applyFont="1" applyBorder="1">
      <alignment vertical="center"/>
    </xf>
    <xf numFmtId="0" fontId="6" fillId="0" borderId="0" xfId="0" applyFont="1" applyBorder="1" applyAlignment="1">
      <alignment horizontal="center" vertical="center"/>
    </xf>
    <xf numFmtId="0" fontId="4" fillId="0" borderId="11" xfId="0" applyFont="1" applyBorder="1">
      <alignment vertical="center"/>
    </xf>
    <xf numFmtId="0" fontId="4" fillId="0" borderId="4" xfId="0" applyFont="1" applyBorder="1">
      <alignment vertical="center"/>
    </xf>
    <xf numFmtId="0" fontId="4" fillId="2" borderId="20" xfId="0" applyFont="1" applyFill="1" applyBorder="1">
      <alignment vertical="center"/>
    </xf>
    <xf numFmtId="0" fontId="4" fillId="0" borderId="20" xfId="0" applyFont="1" applyBorder="1">
      <alignment vertical="center"/>
    </xf>
    <xf numFmtId="0" fontId="4" fillId="2" borderId="21" xfId="0" applyFont="1" applyFill="1" applyBorder="1">
      <alignment vertical="center"/>
    </xf>
    <xf numFmtId="0" fontId="4" fillId="0" borderId="22" xfId="0" applyFont="1" applyBorder="1">
      <alignment vertical="center"/>
    </xf>
    <xf numFmtId="0" fontId="4" fillId="2" borderId="0" xfId="0" applyFont="1" applyFill="1" applyBorder="1">
      <alignment vertical="center"/>
    </xf>
    <xf numFmtId="0" fontId="4" fillId="2" borderId="2" xfId="0" applyFont="1" applyFill="1" applyBorder="1">
      <alignment vertical="center"/>
    </xf>
    <xf numFmtId="0" fontId="4" fillId="0" borderId="23" xfId="0" applyFont="1" applyBorder="1">
      <alignment vertical="center"/>
    </xf>
    <xf numFmtId="0" fontId="9" fillId="0" borderId="24" xfId="0" applyFont="1" applyBorder="1">
      <alignment vertical="center"/>
    </xf>
    <xf numFmtId="0" fontId="4" fillId="0" borderId="15" xfId="0" applyFont="1" applyBorder="1">
      <alignment vertical="center"/>
    </xf>
    <xf numFmtId="0" fontId="4" fillId="2" borderId="3" xfId="0" applyFont="1" applyFill="1" applyBorder="1">
      <alignment vertical="center"/>
    </xf>
    <xf numFmtId="0" fontId="4" fillId="2" borderId="1" xfId="0" applyFont="1" applyFill="1" applyBorder="1">
      <alignment vertical="center"/>
    </xf>
    <xf numFmtId="0" fontId="4" fillId="0" borderId="8" xfId="0" applyFont="1" applyBorder="1">
      <alignment vertical="center"/>
    </xf>
    <xf numFmtId="0" fontId="4" fillId="0" borderId="25" xfId="0" applyFont="1" applyBorder="1">
      <alignment vertical="center"/>
    </xf>
    <xf numFmtId="0" fontId="4" fillId="2" borderId="7" xfId="0" applyFont="1" applyFill="1" applyBorder="1">
      <alignment vertical="center"/>
    </xf>
    <xf numFmtId="0" fontId="4" fillId="0" borderId="7" xfId="0" applyFont="1" applyBorder="1">
      <alignment vertical="center"/>
    </xf>
    <xf numFmtId="0" fontId="4" fillId="2" borderId="6" xfId="0" applyFont="1" applyFill="1" applyBorder="1">
      <alignment vertical="center"/>
    </xf>
    <xf numFmtId="0" fontId="4" fillId="0" borderId="26" xfId="0" applyFont="1" applyBorder="1">
      <alignment vertical="center"/>
    </xf>
    <xf numFmtId="0" fontId="4" fillId="2" borderId="24" xfId="0" applyFont="1" applyFill="1" applyBorder="1">
      <alignment vertical="center"/>
    </xf>
    <xf numFmtId="0" fontId="4" fillId="0" borderId="27" xfId="0" applyFont="1" applyBorder="1">
      <alignment vertical="center"/>
    </xf>
    <xf numFmtId="0" fontId="4" fillId="0" borderId="24" xfId="0" applyFont="1" applyBorder="1">
      <alignment vertical="center"/>
    </xf>
    <xf numFmtId="0" fontId="4" fillId="2" borderId="28" xfId="0" applyFont="1" applyFill="1" applyBorder="1">
      <alignment vertical="center"/>
    </xf>
    <xf numFmtId="0" fontId="4" fillId="0" borderId="29" xfId="0" applyFont="1" applyBorder="1">
      <alignment vertical="center"/>
    </xf>
    <xf numFmtId="0" fontId="4" fillId="0" borderId="30" xfId="0" applyFont="1" applyBorder="1">
      <alignment vertical="center"/>
    </xf>
    <xf numFmtId="0" fontId="6" fillId="0" borderId="17" xfId="0" applyFont="1" applyBorder="1" applyAlignment="1">
      <alignment horizontal="right" vertical="center"/>
    </xf>
    <xf numFmtId="0" fontId="26" fillId="0" borderId="0" xfId="0" applyFont="1" applyBorder="1">
      <alignment vertical="center"/>
    </xf>
    <xf numFmtId="0" fontId="6" fillId="0" borderId="15" xfId="0" applyFont="1" applyBorder="1">
      <alignment vertical="center"/>
    </xf>
    <xf numFmtId="0" fontId="32" fillId="0" borderId="15" xfId="0" applyFont="1" applyBorder="1" applyAlignment="1">
      <alignment horizontal="center" vertical="center"/>
    </xf>
    <xf numFmtId="0" fontId="33" fillId="0" borderId="15" xfId="0" applyFont="1" applyBorder="1" applyAlignment="1">
      <alignment horizontal="center" vertical="center"/>
    </xf>
    <xf numFmtId="0" fontId="26" fillId="0" borderId="15" xfId="0" applyFont="1" applyBorder="1">
      <alignment vertical="center"/>
    </xf>
    <xf numFmtId="0" fontId="26" fillId="0" borderId="7" xfId="0" applyFont="1" applyBorder="1">
      <alignment vertical="center"/>
    </xf>
    <xf numFmtId="0" fontId="26" fillId="0" borderId="1" xfId="0" applyFont="1" applyBorder="1">
      <alignment vertical="center"/>
    </xf>
    <xf numFmtId="0" fontId="26" fillId="0" borderId="8" xfId="0" applyFont="1" applyBorder="1">
      <alignment vertical="center"/>
    </xf>
    <xf numFmtId="0" fontId="32" fillId="0" borderId="29" xfId="0" applyFont="1" applyBorder="1" applyAlignment="1">
      <alignment horizontal="center" vertical="center"/>
    </xf>
    <xf numFmtId="0" fontId="33" fillId="0" borderId="29" xfId="0" applyFont="1" applyBorder="1" applyAlignment="1">
      <alignment horizontal="center" vertical="center"/>
    </xf>
    <xf numFmtId="0" fontId="26" fillId="0" borderId="24" xfId="0" applyFont="1" applyBorder="1">
      <alignment vertical="center"/>
    </xf>
    <xf numFmtId="0" fontId="26" fillId="0" borderId="29" xfId="0" applyFont="1" applyBorder="1">
      <alignment vertical="center"/>
    </xf>
    <xf numFmtId="0" fontId="1" fillId="0" borderId="6" xfId="0" applyFont="1" applyBorder="1" applyAlignment="1">
      <alignment horizontal="center" vertical="center"/>
    </xf>
    <xf numFmtId="0" fontId="1" fillId="0" borderId="7" xfId="0" applyFont="1" applyBorder="1" applyAlignment="1">
      <alignment horizontal="center" vertical="center"/>
    </xf>
    <xf numFmtId="0" fontId="4" fillId="0" borderId="6" xfId="0" applyFont="1" applyBorder="1" applyAlignment="1">
      <alignment horizontal="center" vertical="center"/>
    </xf>
    <xf numFmtId="0" fontId="4" fillId="0" borderId="11" xfId="0" applyFont="1" applyBorder="1" applyAlignment="1">
      <alignment horizontal="center" vertical="center"/>
    </xf>
    <xf numFmtId="0" fontId="4" fillId="0" borderId="23" xfId="0" applyFont="1" applyBorder="1" applyAlignment="1">
      <alignment horizontal="center" vertical="center"/>
    </xf>
    <xf numFmtId="0" fontId="4" fillId="0" borderId="31" xfId="0" applyFont="1" applyBorder="1" applyAlignment="1">
      <alignment horizontal="center" vertical="center"/>
    </xf>
    <xf numFmtId="0" fontId="4" fillId="0" borderId="32" xfId="0" applyFont="1" applyBorder="1" applyAlignment="1">
      <alignment horizontal="center" vertical="center"/>
    </xf>
    <xf numFmtId="0" fontId="4" fillId="0" borderId="7" xfId="0" applyFont="1" applyBorder="1" applyAlignment="1">
      <alignment horizontal="center" vertical="center"/>
    </xf>
    <xf numFmtId="0" fontId="4" fillId="0" borderId="0" xfId="0" applyFont="1"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36" xfId="0" applyBorder="1" applyAlignment="1">
      <alignment horizontal="center" vertical="center"/>
    </xf>
    <xf numFmtId="0" fontId="0" fillId="0" borderId="2" xfId="0" applyBorder="1" applyAlignment="1">
      <alignment horizontal="center" vertical="center"/>
    </xf>
    <xf numFmtId="0" fontId="0" fillId="0" borderId="0" xfId="0" applyBorder="1" applyAlignment="1">
      <alignment horizontal="center" vertical="center"/>
    </xf>
    <xf numFmtId="0" fontId="36" fillId="0" borderId="2" xfId="0" applyFont="1" applyBorder="1" applyAlignment="1">
      <alignment horizontal="center" vertical="center"/>
    </xf>
    <xf numFmtId="0" fontId="36" fillId="0" borderId="0" xfId="0" applyFont="1" applyBorder="1" applyAlignment="1">
      <alignment horizontal="center" vertical="center"/>
    </xf>
    <xf numFmtId="0" fontId="2" fillId="0" borderId="17" xfId="0" applyFont="1" applyBorder="1" applyAlignment="1">
      <alignment vertical="center"/>
    </xf>
    <xf numFmtId="0" fontId="2" fillId="0" borderId="0" xfId="0" applyFont="1" applyAlignment="1">
      <alignment vertical="center"/>
    </xf>
    <xf numFmtId="0" fontId="4" fillId="0" borderId="0" xfId="0" applyFont="1" applyAlignment="1">
      <alignment vertical="center"/>
    </xf>
    <xf numFmtId="0" fontId="4" fillId="0" borderId="37" xfId="0" applyFont="1" applyBorder="1" applyAlignment="1">
      <alignment horizontal="center" vertical="center"/>
    </xf>
    <xf numFmtId="0" fontId="4" fillId="0" borderId="25" xfId="0" applyFont="1" applyBorder="1" applyAlignment="1">
      <alignment horizontal="center" vertical="center"/>
    </xf>
    <xf numFmtId="0" fontId="0" fillId="0" borderId="23" xfId="0" applyBorder="1" applyAlignment="1">
      <alignment horizontal="center" vertical="center"/>
    </xf>
    <xf numFmtId="0" fontId="0" fillId="0" borderId="32" xfId="0" applyBorder="1" applyAlignment="1">
      <alignment horizontal="center" vertical="center"/>
    </xf>
    <xf numFmtId="0" fontId="1" fillId="0" borderId="31" xfId="0" applyFont="1" applyBorder="1" applyAlignment="1">
      <alignment horizontal="center" vertical="center"/>
    </xf>
    <xf numFmtId="0" fontId="1" fillId="0" borderId="26" xfId="0" applyFont="1" applyBorder="1" applyAlignment="1">
      <alignment horizontal="center" vertical="center"/>
    </xf>
    <xf numFmtId="0" fontId="1" fillId="0" borderId="14" xfId="0" applyFont="1" applyBorder="1" applyAlignment="1">
      <alignment horizontal="center" vertical="center"/>
    </xf>
    <xf numFmtId="0" fontId="1" fillId="0" borderId="13" xfId="0" applyFont="1" applyBorder="1" applyAlignment="1">
      <alignment horizontal="center" vertical="center"/>
    </xf>
    <xf numFmtId="0" fontId="0" fillId="0" borderId="25" xfId="0" applyBorder="1" applyAlignment="1">
      <alignment horizontal="center" vertical="center"/>
    </xf>
    <xf numFmtId="0" fontId="36" fillId="0" borderId="28" xfId="0" applyFont="1" applyBorder="1" applyAlignment="1">
      <alignment horizontal="center" vertical="center"/>
    </xf>
    <xf numFmtId="0" fontId="36" fillId="0" borderId="24" xfId="0" applyFont="1" applyBorder="1" applyAlignment="1">
      <alignment horizontal="center" vertical="center"/>
    </xf>
    <xf numFmtId="0" fontId="0" fillId="0" borderId="38" xfId="0" applyBorder="1" applyAlignment="1">
      <alignment horizontal="center" vertical="center"/>
    </xf>
    <xf numFmtId="0" fontId="0" fillId="0" borderId="39" xfId="0" applyBorder="1" applyAlignment="1">
      <alignment horizontal="center" vertical="center"/>
    </xf>
    <xf numFmtId="0" fontId="0" fillId="0" borderId="24" xfId="0" applyBorder="1" applyAlignment="1">
      <alignment horizontal="center" vertical="center"/>
    </xf>
    <xf numFmtId="0" fontId="0" fillId="0" borderId="30" xfId="0" applyBorder="1" applyAlignment="1">
      <alignment horizontal="center" vertical="center"/>
    </xf>
    <xf numFmtId="0" fontId="5" fillId="0" borderId="40" xfId="0" applyFont="1" applyBorder="1" applyAlignment="1">
      <alignment horizontal="center" vertical="center"/>
    </xf>
    <xf numFmtId="0" fontId="36" fillId="0" borderId="41" xfId="0" applyFont="1" applyBorder="1" applyAlignment="1">
      <alignment horizontal="center" vertical="center"/>
    </xf>
    <xf numFmtId="0" fontId="0" fillId="0" borderId="41" xfId="0" applyBorder="1" applyAlignment="1">
      <alignment horizontal="center" vertical="center"/>
    </xf>
    <xf numFmtId="0" fontId="0" fillId="0" borderId="37" xfId="0" applyBorder="1" applyAlignment="1">
      <alignment horizontal="center" vertical="center"/>
    </xf>
    <xf numFmtId="0" fontId="0" fillId="0" borderId="42" xfId="0" applyBorder="1" applyAlignment="1">
      <alignment horizontal="center" vertical="center"/>
    </xf>
    <xf numFmtId="0" fontId="35" fillId="0" borderId="32" xfId="0" applyFont="1" applyBorder="1" applyAlignment="1">
      <alignment horizontal="center" vertical="center"/>
    </xf>
    <xf numFmtId="0" fontId="35" fillId="0" borderId="43" xfId="0" applyFont="1" applyBorder="1" applyAlignment="1">
      <alignment horizontal="center" vertical="center"/>
    </xf>
    <xf numFmtId="0" fontId="1" fillId="0" borderId="41" xfId="0" applyFont="1" applyBorder="1" applyAlignment="1">
      <alignment horizontal="center" vertical="center"/>
    </xf>
    <xf numFmtId="0" fontId="36" fillId="0" borderId="32" xfId="0" applyFont="1" applyBorder="1" applyAlignment="1">
      <alignment horizontal="center" vertical="center"/>
    </xf>
    <xf numFmtId="0" fontId="36" fillId="0" borderId="43" xfId="0" applyFont="1" applyBorder="1" applyAlignment="1">
      <alignment horizontal="center" vertical="center"/>
    </xf>
    <xf numFmtId="0" fontId="1" fillId="0" borderId="44" xfId="0" applyFont="1" applyBorder="1" applyAlignment="1">
      <alignment horizontal="center" vertical="center"/>
    </xf>
    <xf numFmtId="0" fontId="0" fillId="0" borderId="45" xfId="0" applyBorder="1" applyAlignment="1">
      <alignment horizontal="center" vertical="center"/>
    </xf>
    <xf numFmtId="0" fontId="0" fillId="0" borderId="46" xfId="0" applyBorder="1" applyAlignment="1">
      <alignment horizontal="center" vertical="center"/>
    </xf>
    <xf numFmtId="0" fontId="0" fillId="0" borderId="47" xfId="0" applyBorder="1" applyAlignment="1">
      <alignment horizontal="center" vertical="center"/>
    </xf>
    <xf numFmtId="0" fontId="1" fillId="0" borderId="48" xfId="0" applyFont="1" applyBorder="1" applyAlignment="1">
      <alignment horizontal="center" vertical="center"/>
    </xf>
    <xf numFmtId="0" fontId="0" fillId="0" borderId="49" xfId="0" applyBorder="1" applyAlignment="1">
      <alignment horizontal="center" vertical="center"/>
    </xf>
    <xf numFmtId="0" fontId="4" fillId="0" borderId="26" xfId="0" applyFont="1" applyBorder="1" applyAlignment="1">
      <alignment horizontal="right" vertical="center"/>
    </xf>
    <xf numFmtId="0" fontId="4" fillId="0" borderId="48" xfId="0" applyFont="1" applyBorder="1" applyAlignment="1">
      <alignment horizontal="right" vertical="center"/>
    </xf>
    <xf numFmtId="0" fontId="4" fillId="0" borderId="12" xfId="0" applyFont="1" applyBorder="1" applyAlignment="1">
      <alignment horizontal="right" vertical="center"/>
    </xf>
    <xf numFmtId="0" fontId="4" fillId="0" borderId="17" xfId="0" applyFont="1" applyBorder="1" applyAlignment="1">
      <alignment horizontal="center" vertical="center"/>
    </xf>
    <xf numFmtId="0" fontId="4" fillId="0" borderId="17" xfId="0" applyFont="1" applyBorder="1" applyAlignment="1">
      <alignment horizontal="right" vertical="center"/>
    </xf>
    <xf numFmtId="0" fontId="4" fillId="0" borderId="14" xfId="0" applyFont="1" applyBorder="1" applyAlignment="1">
      <alignment horizontal="center" vertical="center"/>
    </xf>
    <xf numFmtId="0" fontId="0" fillId="0" borderId="7" xfId="0" applyBorder="1" applyAlignment="1">
      <alignment horizontal="distributed" vertical="center"/>
    </xf>
    <xf numFmtId="0" fontId="10" fillId="0" borderId="7" xfId="0" applyFont="1" applyBorder="1" applyAlignment="1">
      <alignment horizontal="center" vertical="center"/>
    </xf>
    <xf numFmtId="0" fontId="10" fillId="0" borderId="0" xfId="0" applyFont="1" applyBorder="1" applyAlignment="1">
      <alignment horizontal="center" vertical="center"/>
    </xf>
    <xf numFmtId="0" fontId="10" fillId="0" borderId="1" xfId="0" applyFont="1" applyBorder="1" applyAlignment="1">
      <alignment horizontal="center" vertical="center"/>
    </xf>
    <xf numFmtId="0" fontId="2" fillId="0" borderId="1" xfId="4" applyFont="1" applyBorder="1">
      <alignment vertical="center"/>
    </xf>
    <xf numFmtId="0" fontId="2" fillId="0" borderId="1" xfId="4" applyFont="1" applyBorder="1" applyAlignment="1">
      <alignment horizontal="right" vertical="center"/>
    </xf>
    <xf numFmtId="0" fontId="2" fillId="0" borderId="1" xfId="4" applyFont="1" applyBorder="1" applyAlignment="1">
      <alignment horizontal="left" vertical="center"/>
    </xf>
    <xf numFmtId="0" fontId="2" fillId="0" borderId="1" xfId="0" applyFont="1" applyBorder="1" applyAlignment="1">
      <alignment horizontal="right" vertical="center"/>
    </xf>
    <xf numFmtId="0" fontId="0" fillId="0" borderId="0" xfId="0" applyBorder="1" applyAlignment="1">
      <alignment vertical="center"/>
    </xf>
    <xf numFmtId="0" fontId="1" fillId="0" borderId="0" xfId="0" applyFont="1" applyBorder="1" applyAlignment="1">
      <alignment vertical="center" wrapText="1"/>
    </xf>
    <xf numFmtId="0" fontId="1" fillId="0" borderId="0" xfId="0" applyFont="1" applyBorder="1" applyAlignment="1">
      <alignment vertical="center" textRotation="255"/>
    </xf>
    <xf numFmtId="0" fontId="1" fillId="0" borderId="0" xfId="0" applyFont="1" applyBorder="1" applyAlignment="1">
      <alignment horizontal="center" vertical="center"/>
    </xf>
    <xf numFmtId="0" fontId="17" fillId="0" borderId="0" xfId="0" applyFont="1" applyBorder="1" applyAlignment="1">
      <alignment horizontal="distributed" vertical="center"/>
    </xf>
    <xf numFmtId="0" fontId="19" fillId="0" borderId="0" xfId="0" applyFont="1" applyBorder="1" applyAlignment="1">
      <alignment horizontal="distributed" vertical="center"/>
    </xf>
    <xf numFmtId="0" fontId="19" fillId="0" borderId="11" xfId="0" applyFont="1" applyBorder="1" applyAlignment="1">
      <alignment horizontal="distributed"/>
    </xf>
    <xf numFmtId="0" fontId="16" fillId="0" borderId="0" xfId="0" applyFont="1" applyAlignment="1">
      <alignment horizontal="center"/>
    </xf>
    <xf numFmtId="0" fontId="0" fillId="0" borderId="0" xfId="0" applyAlignment="1">
      <alignment horizontal="center"/>
    </xf>
    <xf numFmtId="0" fontId="21" fillId="0" borderId="0" xfId="0" applyFont="1" applyAlignment="1">
      <alignment horizontal="center"/>
    </xf>
    <xf numFmtId="0" fontId="21" fillId="0" borderId="0" xfId="0" applyFont="1" applyAlignment="1">
      <alignment horizontal="distributed"/>
    </xf>
    <xf numFmtId="0" fontId="19" fillId="0" borderId="32" xfId="0" applyFont="1" applyBorder="1" applyAlignment="1">
      <alignment horizontal="distributed"/>
    </xf>
    <xf numFmtId="0" fontId="16" fillId="0" borderId="0" xfId="0" applyFont="1">
      <alignment vertical="center"/>
    </xf>
    <xf numFmtId="0" fontId="16" fillId="0" borderId="0" xfId="0" applyFont="1" applyBorder="1" applyAlignment="1">
      <alignment horizontal="distributed" vertical="center"/>
    </xf>
    <xf numFmtId="0" fontId="0" fillId="0" borderId="0" xfId="0" applyAlignment="1">
      <alignment horizontal="left" vertical="center" wrapText="1"/>
    </xf>
    <xf numFmtId="0" fontId="0" fillId="0" borderId="32" xfId="0" applyBorder="1" applyAlignment="1">
      <alignment horizontal="left" vertical="center"/>
    </xf>
    <xf numFmtId="0" fontId="16" fillId="0" borderId="7" xfId="0" applyFont="1" applyBorder="1" applyAlignment="1">
      <alignment horizontal="distributed" vertical="center"/>
    </xf>
    <xf numFmtId="0" fontId="16" fillId="0" borderId="26" xfId="0" applyFont="1" applyBorder="1" applyAlignment="1">
      <alignment horizontal="distributed" vertical="center"/>
    </xf>
    <xf numFmtId="0" fontId="0" fillId="0" borderId="0" xfId="0" applyAlignment="1">
      <alignment horizontal="left"/>
    </xf>
    <xf numFmtId="0" fontId="16" fillId="0" borderId="23" xfId="0" applyFont="1" applyBorder="1" applyAlignment="1">
      <alignment horizontal="distributed" vertical="center"/>
    </xf>
    <xf numFmtId="0" fontId="16" fillId="0" borderId="0" xfId="0" applyFont="1" applyBorder="1" applyAlignment="1">
      <alignment horizontal="left" vertical="center"/>
    </xf>
    <xf numFmtId="0" fontId="17" fillId="0" borderId="1" xfId="0" applyFont="1" applyBorder="1" applyAlignment="1">
      <alignment horizontal="distributed" vertical="center"/>
    </xf>
    <xf numFmtId="0" fontId="16" fillId="0" borderId="1" xfId="0" applyFont="1" applyBorder="1" applyAlignment="1">
      <alignment horizontal="left" vertical="center"/>
    </xf>
    <xf numFmtId="0" fontId="16" fillId="0" borderId="25" xfId="0" applyFont="1" applyBorder="1" applyAlignment="1">
      <alignment horizontal="distributed" vertical="center"/>
    </xf>
    <xf numFmtId="0" fontId="16" fillId="0" borderId="50" xfId="0" applyFont="1" applyBorder="1" applyAlignment="1">
      <alignment horizontal="distributed" vertical="center"/>
    </xf>
    <xf numFmtId="0" fontId="16" fillId="0" borderId="1" xfId="0" applyFont="1" applyBorder="1" applyAlignment="1">
      <alignment horizontal="distributed" vertical="center"/>
    </xf>
    <xf numFmtId="0" fontId="16" fillId="0" borderId="32" xfId="0" applyFont="1" applyBorder="1" applyAlignment="1">
      <alignment horizontal="distributed" vertical="center"/>
    </xf>
    <xf numFmtId="0" fontId="22" fillId="0" borderId="0" xfId="0" applyFont="1">
      <alignment vertical="center"/>
    </xf>
    <xf numFmtId="0" fontId="17" fillId="0" borderId="0" xfId="0" applyFont="1" applyBorder="1" applyAlignment="1">
      <alignment horizontal="left"/>
    </xf>
    <xf numFmtId="0" fontId="19" fillId="0" borderId="0" xfId="0" applyFont="1" applyAlignment="1">
      <alignment horizontal="center"/>
    </xf>
    <xf numFmtId="0" fontId="17" fillId="0" borderId="0" xfId="0" applyFont="1" applyBorder="1" applyAlignment="1">
      <alignment horizontal="left" vertical="top"/>
    </xf>
    <xf numFmtId="0" fontId="19" fillId="0" borderId="0" xfId="0" applyFont="1" applyBorder="1" applyAlignment="1">
      <alignment horizontal="left" vertical="top"/>
    </xf>
    <xf numFmtId="0" fontId="0" fillId="0" borderId="37" xfId="0" applyBorder="1">
      <alignment vertical="center"/>
    </xf>
    <xf numFmtId="0" fontId="0" fillId="0" borderId="1" xfId="0" applyBorder="1" applyAlignment="1"/>
    <xf numFmtId="0" fontId="0" fillId="0" borderId="4" xfId="0" applyBorder="1" applyAlignment="1"/>
    <xf numFmtId="0" fontId="21" fillId="0" borderId="10" xfId="0" applyFont="1" applyBorder="1" applyAlignment="1">
      <alignment horizontal="right" vertical="center"/>
    </xf>
    <xf numFmtId="0" fontId="17" fillId="0" borderId="18" xfId="0" applyFont="1" applyBorder="1" applyAlignment="1">
      <alignment horizontal="distributed" vertical="center"/>
    </xf>
    <xf numFmtId="0" fontId="16" fillId="0" borderId="18" xfId="0" applyFont="1" applyBorder="1" applyAlignment="1">
      <alignment horizontal="distributed" vertical="center"/>
    </xf>
    <xf numFmtId="0" fontId="16" fillId="0" borderId="51" xfId="0" applyFont="1" applyBorder="1" applyAlignment="1">
      <alignment horizontal="distributed" vertical="center"/>
    </xf>
    <xf numFmtId="0" fontId="16" fillId="0" borderId="0" xfId="0" applyFont="1" applyBorder="1" applyAlignment="1">
      <alignment horizontal="center" shrinkToFit="1"/>
    </xf>
    <xf numFmtId="0" fontId="16" fillId="0" borderId="0" xfId="0" applyFont="1" applyBorder="1">
      <alignment vertical="center"/>
    </xf>
    <xf numFmtId="0" fontId="17" fillId="0" borderId="0" xfId="0" applyFont="1" applyBorder="1">
      <alignment vertical="center"/>
    </xf>
    <xf numFmtId="0" fontId="16" fillId="0" borderId="1" xfId="0" applyFont="1" applyBorder="1" applyAlignment="1">
      <alignment horizontal="center" shrinkToFit="1"/>
    </xf>
    <xf numFmtId="0" fontId="16" fillId="0" borderId="1" xfId="0" applyFont="1" applyBorder="1">
      <alignment vertical="center"/>
    </xf>
    <xf numFmtId="0" fontId="16" fillId="0" borderId="32" xfId="0" applyFont="1" applyBorder="1">
      <alignment vertical="center"/>
    </xf>
    <xf numFmtId="0" fontId="16" fillId="0" borderId="24" xfId="0" applyFont="1" applyBorder="1">
      <alignment vertical="center"/>
    </xf>
    <xf numFmtId="0" fontId="0" fillId="0" borderId="52" xfId="0" applyBorder="1">
      <alignment vertical="center"/>
    </xf>
    <xf numFmtId="0" fontId="3" fillId="0" borderId="0" xfId="3" applyAlignment="1">
      <alignment vertical="center"/>
    </xf>
    <xf numFmtId="0" fontId="3" fillId="0" borderId="0" xfId="3" applyBorder="1" applyAlignment="1">
      <alignment vertical="center"/>
    </xf>
    <xf numFmtId="0" fontId="25" fillId="0" borderId="62" xfId="0" applyFont="1" applyBorder="1">
      <alignment vertical="center"/>
    </xf>
    <xf numFmtId="0" fontId="0" fillId="0" borderId="50" xfId="0" applyBorder="1">
      <alignment vertical="center"/>
    </xf>
    <xf numFmtId="0" fontId="0" fillId="0" borderId="63" xfId="0" applyBorder="1">
      <alignment vertical="center"/>
    </xf>
    <xf numFmtId="0" fontId="25" fillId="0" borderId="52" xfId="0" applyFont="1" applyBorder="1">
      <alignment vertical="center"/>
    </xf>
    <xf numFmtId="0" fontId="0" fillId="0" borderId="45" xfId="0" applyBorder="1">
      <alignment vertical="center"/>
    </xf>
    <xf numFmtId="0" fontId="25" fillId="0" borderId="52" xfId="0" applyFont="1" applyBorder="1" applyAlignment="1">
      <alignment vertical="center"/>
    </xf>
    <xf numFmtId="0" fontId="25" fillId="0" borderId="0" xfId="0" applyFont="1" applyBorder="1" applyAlignment="1">
      <alignment vertical="center"/>
    </xf>
    <xf numFmtId="0" fontId="25" fillId="0" borderId="45" xfId="0" applyFont="1" applyBorder="1" applyAlignment="1">
      <alignment vertical="center"/>
    </xf>
    <xf numFmtId="0" fontId="0" fillId="0" borderId="64" xfId="0" applyBorder="1">
      <alignment vertical="center"/>
    </xf>
    <xf numFmtId="0" fontId="0" fillId="0" borderId="65" xfId="0" applyBorder="1">
      <alignment vertical="center"/>
    </xf>
    <xf numFmtId="0" fontId="0" fillId="0" borderId="66" xfId="0" applyBorder="1">
      <alignment vertical="center"/>
    </xf>
    <xf numFmtId="0" fontId="10" fillId="0" borderId="0" xfId="0" applyFont="1">
      <alignment vertical="center"/>
    </xf>
    <xf numFmtId="0" fontId="5" fillId="0" borderId="1" xfId="0" applyFont="1" applyBorder="1" applyAlignment="1">
      <alignment vertical="center"/>
    </xf>
    <xf numFmtId="0" fontId="9" fillId="0" borderId="0" xfId="0" applyFont="1" applyBorder="1" applyAlignment="1">
      <alignment vertical="center" wrapText="1"/>
    </xf>
    <xf numFmtId="0" fontId="3" fillId="0" borderId="0" xfId="3" applyBorder="1" applyAlignment="1">
      <alignment horizontal="center" vertical="center"/>
    </xf>
    <xf numFmtId="0" fontId="0" fillId="0" borderId="1" xfId="0" applyBorder="1" applyAlignment="1">
      <alignment horizontal="distributed" vertical="center"/>
    </xf>
    <xf numFmtId="0" fontId="13" fillId="0" borderId="0" xfId="5" applyFont="1"/>
    <xf numFmtId="0" fontId="17" fillId="0" borderId="0" xfId="0" applyFont="1" applyBorder="1" applyAlignment="1">
      <alignment vertical="center" wrapText="1"/>
    </xf>
    <xf numFmtId="0" fontId="18" fillId="0" borderId="0" xfId="0" applyFont="1" applyAlignment="1">
      <alignment vertical="center" wrapText="1"/>
    </xf>
    <xf numFmtId="0" fontId="16" fillId="0" borderId="67" xfId="0" applyFont="1" applyBorder="1" applyAlignment="1">
      <alignment horizontal="distributed" vertical="center"/>
    </xf>
    <xf numFmtId="0" fontId="46" fillId="0" borderId="32" xfId="0" applyFont="1" applyBorder="1" applyAlignment="1">
      <alignment vertical="center"/>
    </xf>
    <xf numFmtId="0" fontId="48" fillId="0" borderId="2" xfId="0" applyFont="1" applyBorder="1" applyAlignment="1">
      <alignment vertical="center"/>
    </xf>
    <xf numFmtId="0" fontId="48" fillId="0" borderId="32" xfId="0" applyFont="1" applyBorder="1" applyAlignment="1">
      <alignment vertical="center"/>
    </xf>
    <xf numFmtId="0" fontId="46" fillId="0" borderId="43" xfId="0" applyFont="1" applyBorder="1" applyAlignment="1">
      <alignment vertical="center"/>
    </xf>
    <xf numFmtId="0" fontId="48" fillId="0" borderId="28" xfId="0" applyFont="1" applyBorder="1" applyAlignment="1">
      <alignment vertical="center"/>
    </xf>
    <xf numFmtId="0" fontId="48" fillId="0" borderId="43" xfId="0" applyFont="1" applyBorder="1" applyAlignment="1">
      <alignment vertical="center"/>
    </xf>
    <xf numFmtId="0" fontId="2" fillId="0" borderId="0" xfId="0" applyFont="1" applyBorder="1" applyAlignment="1">
      <alignment horizontal="right" vertical="top"/>
    </xf>
    <xf numFmtId="0" fontId="2" fillId="0" borderId="0" xfId="0" applyFont="1" applyBorder="1" applyAlignment="1">
      <alignment horizontal="right" vertical="center"/>
    </xf>
    <xf numFmtId="0" fontId="29" fillId="0" borderId="0" xfId="0" applyFont="1" applyBorder="1" applyAlignment="1">
      <alignment horizontal="center" vertical="center"/>
    </xf>
    <xf numFmtId="0" fontId="0" fillId="0" borderId="0" xfId="0" applyAlignment="1">
      <alignment horizontal="justify" vertical="center"/>
    </xf>
    <xf numFmtId="0" fontId="10" fillId="0" borderId="0" xfId="0" applyFont="1" applyAlignment="1">
      <alignment horizontal="justify" vertical="center"/>
    </xf>
    <xf numFmtId="0" fontId="1" fillId="0" borderId="0" xfId="0" applyFont="1" applyAlignment="1">
      <alignment horizontal="justify" vertical="center"/>
    </xf>
    <xf numFmtId="0" fontId="0" fillId="0" borderId="0" xfId="0" applyAlignment="1">
      <alignment horizontal="left" vertical="center"/>
    </xf>
    <xf numFmtId="0" fontId="60" fillId="0" borderId="0" xfId="0" applyFont="1" applyAlignment="1">
      <alignment horizontal="center" vertical="center"/>
    </xf>
    <xf numFmtId="0" fontId="0" fillId="0" borderId="0" xfId="0" applyBorder="1" applyAlignment="1">
      <alignment vertical="center" wrapText="1"/>
    </xf>
    <xf numFmtId="0" fontId="0" fillId="0" borderId="6" xfId="0" applyBorder="1" applyAlignment="1">
      <alignment horizontal="center" vertical="center"/>
    </xf>
    <xf numFmtId="0" fontId="0" fillId="0" borderId="11" xfId="0" applyBorder="1" applyAlignment="1">
      <alignment vertical="center" wrapText="1"/>
    </xf>
    <xf numFmtId="0" fontId="0" fillId="0" borderId="11" xfId="0" applyFill="1" applyBorder="1" applyAlignment="1">
      <alignment vertical="center" wrapText="1"/>
    </xf>
    <xf numFmtId="0" fontId="28" fillId="0" borderId="0" xfId="0" applyFont="1">
      <alignment vertical="center"/>
    </xf>
    <xf numFmtId="0" fontId="28" fillId="0" borderId="0" xfId="0" applyFont="1" applyBorder="1">
      <alignment vertical="center"/>
    </xf>
    <xf numFmtId="0" fontId="28" fillId="0" borderId="6" xfId="0" applyFont="1" applyBorder="1">
      <alignment vertical="center"/>
    </xf>
    <xf numFmtId="0" fontId="28" fillId="0" borderId="7" xfId="0" applyFont="1" applyBorder="1">
      <alignment vertical="center"/>
    </xf>
    <xf numFmtId="0" fontId="28" fillId="0" borderId="5" xfId="0" applyFont="1" applyBorder="1">
      <alignment vertical="center"/>
    </xf>
    <xf numFmtId="0" fontId="28" fillId="0" borderId="2" xfId="0" applyFont="1" applyBorder="1" applyAlignment="1">
      <alignment horizontal="left" vertical="center" wrapText="1"/>
    </xf>
    <xf numFmtId="0" fontId="28" fillId="0" borderId="0" xfId="0" applyFont="1" applyBorder="1" applyAlignment="1">
      <alignment horizontal="left" vertical="center" wrapText="1"/>
    </xf>
    <xf numFmtId="0" fontId="28" fillId="0" borderId="11" xfId="0" applyFont="1" applyBorder="1">
      <alignment vertical="center"/>
    </xf>
    <xf numFmtId="0" fontId="28" fillId="0" borderId="19" xfId="0" applyFont="1" applyBorder="1" applyAlignment="1">
      <alignment horizontal="center" vertical="center"/>
    </xf>
    <xf numFmtId="0" fontId="28" fillId="0" borderId="2" xfId="0" applyFont="1" applyBorder="1">
      <alignment vertical="center"/>
    </xf>
    <xf numFmtId="0" fontId="28" fillId="0" borderId="0" xfId="0" applyFont="1" applyBorder="1" applyAlignment="1">
      <alignment vertical="center"/>
    </xf>
    <xf numFmtId="0" fontId="28" fillId="0" borderId="3" xfId="0" applyFont="1" applyBorder="1">
      <alignment vertical="center"/>
    </xf>
    <xf numFmtId="0" fontId="28" fillId="0" borderId="1" xfId="0" applyFont="1" applyBorder="1">
      <alignment vertical="center"/>
    </xf>
    <xf numFmtId="0" fontId="28" fillId="0" borderId="4" xfId="0" applyFont="1" applyBorder="1">
      <alignment vertical="center"/>
    </xf>
    <xf numFmtId="0" fontId="61" fillId="0" borderId="0" xfId="0" applyFont="1" applyAlignment="1">
      <alignment horizontal="center" vertical="center"/>
    </xf>
    <xf numFmtId="0" fontId="52" fillId="0" borderId="0" xfId="0" applyFont="1" applyBorder="1" applyAlignment="1">
      <alignment horizontal="left" vertical="center" wrapText="1" shrinkToFit="1"/>
    </xf>
    <xf numFmtId="0" fontId="52" fillId="0" borderId="0" xfId="0" applyFont="1" applyBorder="1" applyAlignment="1">
      <alignment horizontal="left" vertical="center"/>
    </xf>
    <xf numFmtId="0" fontId="28" fillId="0" borderId="0" xfId="0" applyFont="1" applyAlignment="1">
      <alignment vertical="center"/>
    </xf>
    <xf numFmtId="0" fontId="62" fillId="0" borderId="0" xfId="0" applyFont="1" applyBorder="1" applyAlignment="1">
      <alignment horizontal="left" vertical="center"/>
    </xf>
    <xf numFmtId="0" fontId="63" fillId="0" borderId="0" xfId="0" applyFont="1" applyAlignment="1">
      <alignment horizontal="center" vertical="center"/>
    </xf>
    <xf numFmtId="0" fontId="64" fillId="0" borderId="0" xfId="0" applyFont="1">
      <alignment vertical="center"/>
    </xf>
    <xf numFmtId="0" fontId="65" fillId="0" borderId="0" xfId="0" applyFont="1">
      <alignment vertical="center"/>
    </xf>
    <xf numFmtId="0" fontId="66" fillId="0" borderId="0" xfId="0" applyFont="1" applyAlignment="1">
      <alignment horizontal="left" vertical="center"/>
    </xf>
    <xf numFmtId="0" fontId="52" fillId="0" borderId="0" xfId="0" applyFont="1" applyBorder="1" applyAlignment="1">
      <alignment horizontal="left" vertical="center" shrinkToFit="1"/>
    </xf>
    <xf numFmtId="0" fontId="16" fillId="0" borderId="10" xfId="0" applyFont="1" applyBorder="1" applyAlignment="1">
      <alignment horizontal="center" vertical="center" shrinkToFit="1"/>
    </xf>
    <xf numFmtId="0" fontId="16" fillId="0" borderId="19" xfId="0" applyFont="1" applyBorder="1" applyAlignment="1">
      <alignment horizontal="center" vertical="center" shrinkToFit="1"/>
    </xf>
    <xf numFmtId="0" fontId="16" fillId="0" borderId="19" xfId="0" applyFont="1" applyBorder="1" applyAlignment="1">
      <alignment horizontal="center" vertical="center" wrapText="1" shrinkToFit="1"/>
    </xf>
    <xf numFmtId="0" fontId="16" fillId="0" borderId="19" xfId="0" applyFont="1" applyFill="1" applyBorder="1" applyAlignment="1">
      <alignment horizontal="center" vertical="center" shrinkToFit="1"/>
    </xf>
    <xf numFmtId="0" fontId="16" fillId="0" borderId="19" xfId="0" applyNumberFormat="1" applyFont="1" applyFill="1" applyBorder="1" applyAlignment="1">
      <alignment horizontal="center" vertical="center" shrinkToFit="1"/>
    </xf>
    <xf numFmtId="0" fontId="16" fillId="0" borderId="19" xfId="0" applyFont="1" applyFill="1" applyBorder="1" applyAlignment="1">
      <alignment horizontal="center" vertical="center" wrapText="1"/>
    </xf>
    <xf numFmtId="0" fontId="16" fillId="0" borderId="19" xfId="0" applyFont="1" applyFill="1" applyBorder="1" applyAlignment="1">
      <alignment horizontal="center" vertical="center" wrapText="1" shrinkToFit="1"/>
    </xf>
    <xf numFmtId="0" fontId="16" fillId="0" borderId="19" xfId="0" applyFont="1" applyBorder="1" applyAlignment="1">
      <alignment horizontal="center" vertical="center" wrapText="1"/>
    </xf>
    <xf numFmtId="0" fontId="27" fillId="0" borderId="3" xfId="0" applyFont="1" applyBorder="1" applyAlignment="1">
      <alignment horizontal="left" vertical="center" shrinkToFit="1"/>
    </xf>
    <xf numFmtId="0" fontId="27" fillId="0" borderId="19" xfId="0" applyFont="1" applyBorder="1" applyAlignment="1">
      <alignment horizontal="center" vertical="center" shrinkToFit="1"/>
    </xf>
    <xf numFmtId="0" fontId="27" fillId="0" borderId="8" xfId="0" applyFont="1" applyBorder="1" applyAlignment="1">
      <alignment horizontal="center" vertical="center" shrinkToFit="1"/>
    </xf>
    <xf numFmtId="0" fontId="43" fillId="0" borderId="8" xfId="0" applyFont="1" applyBorder="1" applyAlignment="1">
      <alignment horizontal="center" vertical="center" shrinkToFit="1"/>
    </xf>
    <xf numFmtId="0" fontId="43" fillId="0" borderId="19" xfId="0" applyNumberFormat="1" applyFont="1" applyBorder="1" applyAlignment="1">
      <alignment horizontal="center" vertical="center" shrinkToFit="1"/>
    </xf>
    <xf numFmtId="0" fontId="43" fillId="0" borderId="19" xfId="0" applyFont="1" applyBorder="1" applyAlignment="1">
      <alignment horizontal="center" vertical="center" shrinkToFit="1"/>
    </xf>
    <xf numFmtId="0" fontId="28" fillId="0" borderId="11" xfId="0" applyFont="1" applyBorder="1" applyAlignment="1">
      <alignment vertical="center"/>
    </xf>
    <xf numFmtId="0" fontId="28" fillId="0" borderId="19" xfId="0" applyFont="1" applyFill="1" applyBorder="1" applyAlignment="1">
      <alignment horizontal="center" vertical="center"/>
    </xf>
    <xf numFmtId="0" fontId="4" fillId="0" borderId="2" xfId="0" applyFont="1" applyBorder="1">
      <alignment vertical="center"/>
    </xf>
    <xf numFmtId="0" fontId="4" fillId="0" borderId="3" xfId="0" applyFont="1" applyBorder="1">
      <alignment vertical="center"/>
    </xf>
    <xf numFmtId="0" fontId="67" fillId="0" borderId="0" xfId="0" applyFont="1">
      <alignment vertical="center"/>
    </xf>
    <xf numFmtId="0" fontId="28" fillId="0" borderId="0" xfId="0" applyFont="1" applyAlignment="1">
      <alignment vertical="center" wrapText="1"/>
    </xf>
    <xf numFmtId="0" fontId="4" fillId="0" borderId="5" xfId="0" applyFont="1" applyBorder="1">
      <alignment vertical="center"/>
    </xf>
    <xf numFmtId="0" fontId="28" fillId="0" borderId="2" xfId="0" applyFont="1" applyBorder="1" applyAlignment="1">
      <alignment vertical="center"/>
    </xf>
    <xf numFmtId="0" fontId="28" fillId="0" borderId="3" xfId="0" applyFont="1" applyBorder="1" applyAlignment="1">
      <alignment vertical="center"/>
    </xf>
    <xf numFmtId="0" fontId="34" fillId="0" borderId="0" xfId="0" applyFont="1">
      <alignment vertical="center"/>
    </xf>
    <xf numFmtId="0" fontId="68" fillId="0" borderId="0" xfId="0" applyFont="1">
      <alignment vertical="center"/>
    </xf>
    <xf numFmtId="0" fontId="28" fillId="0" borderId="0" xfId="0" applyFont="1" applyAlignment="1">
      <alignment horizontal="left" vertical="center" wrapText="1"/>
    </xf>
    <xf numFmtId="0" fontId="28" fillId="0" borderId="7" xfId="0" applyFont="1" applyBorder="1" applyAlignment="1">
      <alignment horizontal="left" vertical="center" wrapText="1"/>
    </xf>
    <xf numFmtId="0" fontId="69" fillId="0" borderId="0" xfId="0" applyFont="1">
      <alignment vertical="center"/>
    </xf>
    <xf numFmtId="0" fontId="61" fillId="0" borderId="0" xfId="0" applyFont="1" applyAlignment="1">
      <alignment horizontal="center" vertical="center"/>
    </xf>
    <xf numFmtId="176" fontId="27" fillId="0" borderId="10" xfId="0" applyNumberFormat="1" applyFont="1" applyBorder="1" applyAlignment="1">
      <alignment horizontal="center" vertical="center" shrinkToFit="1"/>
    </xf>
    <xf numFmtId="0" fontId="28" fillId="0" borderId="0" xfId="0" applyFont="1" applyBorder="1" applyAlignment="1">
      <alignment horizontal="left" vertical="center"/>
    </xf>
    <xf numFmtId="0" fontId="28" fillId="0" borderId="0" xfId="0" applyFont="1" applyFill="1" applyBorder="1" applyAlignment="1">
      <alignment horizontal="center" vertical="center"/>
    </xf>
    <xf numFmtId="0" fontId="28" fillId="0" borderId="0" xfId="0" applyFont="1" applyBorder="1" applyAlignment="1">
      <alignment horizontal="center" vertical="center"/>
    </xf>
    <xf numFmtId="0" fontId="28" fillId="0" borderId="9" xfId="0" applyFont="1" applyBorder="1" applyAlignment="1">
      <alignment horizontal="center" vertical="center"/>
    </xf>
    <xf numFmtId="0" fontId="28" fillId="0" borderId="68" xfId="0" applyFont="1" applyBorder="1" applyAlignment="1">
      <alignment horizontal="center" vertical="center"/>
    </xf>
    <xf numFmtId="0" fontId="28" fillId="0" borderId="69" xfId="0" applyFont="1" applyBorder="1" applyAlignment="1">
      <alignment horizontal="center" vertical="center"/>
    </xf>
    <xf numFmtId="0" fontId="28" fillId="0" borderId="9" xfId="0" applyFont="1" applyFill="1" applyBorder="1" applyAlignment="1">
      <alignment horizontal="center" vertical="center"/>
    </xf>
    <xf numFmtId="0" fontId="19" fillId="0" borderId="19" xfId="0" applyFont="1" applyFill="1" applyBorder="1" applyAlignment="1">
      <alignment horizontal="center" vertical="center" wrapText="1"/>
    </xf>
    <xf numFmtId="0" fontId="70" fillId="0" borderId="10" xfId="0" applyFont="1" applyBorder="1" applyAlignment="1">
      <alignment horizontal="left" vertical="center" shrinkToFit="1"/>
    </xf>
    <xf numFmtId="0" fontId="70" fillId="0" borderId="19" xfId="0" applyFont="1" applyBorder="1" applyAlignment="1">
      <alignment horizontal="center" vertical="center" shrinkToFit="1"/>
    </xf>
    <xf numFmtId="0" fontId="71" fillId="0" borderId="8" xfId="0" applyFont="1" applyBorder="1" applyAlignment="1">
      <alignment horizontal="center" vertical="center" shrinkToFit="1"/>
    </xf>
    <xf numFmtId="0" fontId="71" fillId="0" borderId="19" xfId="0" applyFont="1" applyBorder="1" applyAlignment="1">
      <alignment horizontal="center" vertical="center" shrinkToFit="1"/>
    </xf>
    <xf numFmtId="176" fontId="71" fillId="0" borderId="10" xfId="0" applyNumberFormat="1" applyFont="1" applyBorder="1" applyAlignment="1">
      <alignment horizontal="center" vertical="center" shrinkToFit="1"/>
    </xf>
    <xf numFmtId="176" fontId="71" fillId="0" borderId="8" xfId="0" applyNumberFormat="1" applyFont="1" applyBorder="1" applyAlignment="1">
      <alignment horizontal="center" vertical="center" shrinkToFit="1"/>
    </xf>
    <xf numFmtId="0" fontId="0" fillId="0" borderId="19" xfId="0" applyBorder="1" applyAlignment="1">
      <alignment horizontal="center" vertical="center" wrapText="1"/>
    </xf>
    <xf numFmtId="0" fontId="0" fillId="0" borderId="19" xfId="0" applyBorder="1" applyAlignment="1">
      <alignment vertical="center" wrapText="1"/>
    </xf>
    <xf numFmtId="0" fontId="0" fillId="0" borderId="19" xfId="0" applyBorder="1" applyAlignment="1">
      <alignment horizontal="center" vertical="center"/>
    </xf>
    <xf numFmtId="0" fontId="28" fillId="0" borderId="0" xfId="0" applyFont="1" applyBorder="1" applyAlignment="1">
      <alignment vertical="center" wrapText="1"/>
    </xf>
    <xf numFmtId="0" fontId="28" fillId="0" borderId="3" xfId="0" applyFont="1" applyBorder="1" applyAlignment="1">
      <alignment horizontal="left" vertical="center" wrapText="1"/>
    </xf>
    <xf numFmtId="0" fontId="28" fillId="0" borderId="1" xfId="0" applyFont="1" applyBorder="1" applyAlignment="1">
      <alignment horizontal="left" vertical="center" wrapText="1"/>
    </xf>
    <xf numFmtId="0" fontId="7" fillId="0" borderId="19" xfId="0" applyFont="1" applyFill="1" applyBorder="1" applyAlignment="1">
      <alignment horizontal="center" vertical="center" wrapText="1"/>
    </xf>
    <xf numFmtId="0" fontId="0" fillId="3" borderId="11" xfId="0" applyFill="1" applyBorder="1" applyAlignment="1">
      <alignment vertical="center" wrapText="1"/>
    </xf>
    <xf numFmtId="0" fontId="0" fillId="3" borderId="11" xfId="0" applyFill="1" applyBorder="1">
      <alignment vertical="center"/>
    </xf>
    <xf numFmtId="0" fontId="28" fillId="0" borderId="0" xfId="0" applyFont="1" applyFill="1" applyAlignment="1">
      <alignment vertical="center"/>
    </xf>
    <xf numFmtId="0" fontId="72" fillId="0" borderId="32" xfId="0" applyFont="1" applyBorder="1" applyAlignment="1">
      <alignment horizontal="center" vertical="center"/>
    </xf>
    <xf numFmtId="0" fontId="72" fillId="0" borderId="0" xfId="0" applyFont="1" applyAlignment="1">
      <alignment horizontal="center" vertical="center"/>
    </xf>
    <xf numFmtId="0" fontId="72" fillId="0" borderId="11" xfId="0" applyFont="1" applyBorder="1" applyAlignment="1">
      <alignment horizontal="center" vertical="center"/>
    </xf>
    <xf numFmtId="0" fontId="72" fillId="0" borderId="2" xfId="0" applyFont="1" applyBorder="1" applyAlignment="1">
      <alignment horizontal="center" vertical="center" shrinkToFit="1"/>
    </xf>
    <xf numFmtId="0" fontId="72" fillId="0" borderId="0" xfId="0" applyFont="1" applyAlignment="1">
      <alignment horizontal="center" vertical="center" shrinkToFit="1"/>
    </xf>
    <xf numFmtId="0" fontId="72" fillId="0" borderId="11" xfId="0" applyFont="1" applyBorder="1" applyAlignment="1">
      <alignment horizontal="center" vertical="center" shrinkToFit="1"/>
    </xf>
    <xf numFmtId="0" fontId="3" fillId="0" borderId="0" xfId="1" applyFont="1"/>
    <xf numFmtId="0" fontId="8" fillId="0" borderId="0" xfId="1" applyFont="1"/>
    <xf numFmtId="0" fontId="13" fillId="0" borderId="0" xfId="1" applyBorder="1" applyAlignment="1">
      <alignment horizontal="center" vertical="center"/>
    </xf>
    <xf numFmtId="0" fontId="34" fillId="0" borderId="0" xfId="1" applyFont="1" applyBorder="1" applyAlignment="1">
      <alignment vertical="center"/>
    </xf>
    <xf numFmtId="0" fontId="8" fillId="0" borderId="0" xfId="1" applyFont="1" applyBorder="1" applyAlignment="1">
      <alignment horizontal="center" vertical="center"/>
    </xf>
    <xf numFmtId="0" fontId="38" fillId="0" borderId="0" xfId="1" applyFont="1" applyBorder="1" applyAlignment="1">
      <alignment vertical="center"/>
    </xf>
    <xf numFmtId="0" fontId="8" fillId="0" borderId="0" xfId="1" applyFont="1" applyBorder="1" applyAlignment="1">
      <alignment vertical="center"/>
    </xf>
    <xf numFmtId="0" fontId="8" fillId="0" borderId="0" xfId="1" applyFont="1" applyAlignment="1"/>
    <xf numFmtId="0" fontId="13" fillId="0" borderId="0" xfId="1" applyAlignment="1"/>
    <xf numFmtId="0" fontId="3" fillId="0" borderId="0" xfId="1" applyFont="1" applyAlignment="1"/>
    <xf numFmtId="0" fontId="6" fillId="0" borderId="37" xfId="1" applyFont="1" applyBorder="1" applyAlignment="1">
      <alignment horizontal="center"/>
    </xf>
    <xf numFmtId="0" fontId="6" fillId="0" borderId="4" xfId="1" applyFont="1" applyBorder="1" applyAlignment="1">
      <alignment horizontal="center"/>
    </xf>
    <xf numFmtId="0" fontId="6" fillId="0" borderId="3" xfId="1" applyFont="1" applyBorder="1" applyAlignment="1">
      <alignment horizontal="center"/>
    </xf>
    <xf numFmtId="0" fontId="6" fillId="0" borderId="1" xfId="1" applyFont="1" applyBorder="1" applyAlignment="1">
      <alignment horizontal="center"/>
    </xf>
    <xf numFmtId="0" fontId="3" fillId="0" borderId="0" xfId="1" applyFont="1" applyFill="1" applyBorder="1" applyAlignment="1">
      <alignment horizontal="center" vertical="center"/>
    </xf>
    <xf numFmtId="0" fontId="3" fillId="0" borderId="0" xfId="1" applyFont="1" applyAlignment="1">
      <alignment vertical="center"/>
    </xf>
    <xf numFmtId="0" fontId="8" fillId="0" borderId="0" xfId="1" applyFont="1" applyAlignment="1">
      <alignment vertical="center"/>
    </xf>
    <xf numFmtId="0" fontId="8" fillId="0" borderId="6" xfId="1" applyFont="1" applyBorder="1" applyAlignment="1">
      <alignment vertical="center"/>
    </xf>
    <xf numFmtId="0" fontId="3" fillId="0" borderId="7" xfId="1" applyFont="1" applyBorder="1" applyAlignment="1">
      <alignment vertical="center"/>
    </xf>
    <xf numFmtId="0" fontId="3" fillId="0" borderId="0" xfId="1" applyFont="1" applyBorder="1" applyAlignment="1">
      <alignment vertical="center"/>
    </xf>
    <xf numFmtId="0" fontId="8" fillId="0" borderId="0" xfId="1" applyFont="1" applyFill="1" applyBorder="1" applyAlignment="1">
      <alignment vertical="center"/>
    </xf>
    <xf numFmtId="0" fontId="3" fillId="0" borderId="0" xfId="1" applyFont="1" applyFill="1" applyBorder="1" applyAlignment="1">
      <alignment vertical="center"/>
    </xf>
    <xf numFmtId="0" fontId="3" fillId="0" borderId="6" xfId="1" applyFont="1" applyBorder="1" applyAlignment="1">
      <alignment vertical="center"/>
    </xf>
    <xf numFmtId="0" fontId="3" fillId="0" borderId="7" xfId="1" applyFont="1" applyFill="1" applyBorder="1" applyAlignment="1">
      <alignment vertical="center"/>
    </xf>
    <xf numFmtId="0" fontId="8" fillId="0" borderId="7" xfId="1" applyFont="1" applyFill="1" applyBorder="1" applyAlignment="1">
      <alignment vertical="center"/>
    </xf>
    <xf numFmtId="0" fontId="8" fillId="0" borderId="5" xfId="1" applyFont="1" applyFill="1" applyBorder="1" applyAlignment="1">
      <alignment vertical="center"/>
    </xf>
    <xf numFmtId="0" fontId="8" fillId="0" borderId="6" xfId="1" applyFont="1" applyFill="1" applyBorder="1" applyAlignment="1">
      <alignment vertical="center"/>
    </xf>
    <xf numFmtId="0" fontId="3" fillId="0" borderId="51" xfId="1" applyFont="1" applyFill="1" applyBorder="1" applyAlignment="1">
      <alignment vertical="center"/>
    </xf>
    <xf numFmtId="0" fontId="3" fillId="0" borderId="0" xfId="1" applyFont="1" applyFill="1" applyAlignment="1">
      <alignment vertical="center"/>
    </xf>
    <xf numFmtId="0" fontId="8" fillId="0" borderId="0" xfId="1" applyFont="1" applyFill="1" applyAlignment="1">
      <alignment vertical="center"/>
    </xf>
    <xf numFmtId="0" fontId="3" fillId="0" borderId="2" xfId="1" applyFont="1" applyBorder="1" applyAlignment="1">
      <alignment vertical="center"/>
    </xf>
    <xf numFmtId="0" fontId="8" fillId="0" borderId="11" xfId="1" applyFont="1" applyFill="1" applyBorder="1" applyAlignment="1">
      <alignment vertical="center"/>
    </xf>
    <xf numFmtId="0" fontId="3" fillId="0" borderId="11" xfId="1" applyFont="1" applyFill="1" applyBorder="1" applyAlignment="1">
      <alignment vertical="center"/>
    </xf>
    <xf numFmtId="0" fontId="3" fillId="0" borderId="2" xfId="1" applyFont="1" applyFill="1" applyBorder="1" applyAlignment="1">
      <alignment vertical="center"/>
    </xf>
    <xf numFmtId="0" fontId="8" fillId="0" borderId="71" xfId="1" applyFont="1" applyFill="1" applyBorder="1" applyAlignment="1">
      <alignment vertical="center"/>
    </xf>
    <xf numFmtId="0" fontId="3" fillId="0" borderId="72" xfId="1" applyFont="1" applyFill="1" applyBorder="1" applyAlignment="1">
      <alignment vertical="center"/>
    </xf>
    <xf numFmtId="0" fontId="3" fillId="0" borderId="73" xfId="1" applyFont="1" applyFill="1" applyBorder="1" applyAlignment="1">
      <alignment vertical="center"/>
    </xf>
    <xf numFmtId="0" fontId="3" fillId="0" borderId="0" xfId="1" applyNumberFormat="1" applyFont="1" applyFill="1" applyBorder="1" applyAlignment="1">
      <alignment horizontal="center" vertical="center"/>
    </xf>
    <xf numFmtId="0" fontId="3" fillId="0" borderId="0" xfId="1" applyNumberFormat="1" applyFont="1" applyFill="1" applyBorder="1" applyAlignment="1">
      <alignment vertical="center"/>
    </xf>
    <xf numFmtId="0" fontId="8" fillId="0" borderId="74" xfId="1" applyFont="1" applyFill="1" applyBorder="1" applyAlignment="1">
      <alignment vertical="center"/>
    </xf>
    <xf numFmtId="0" fontId="3" fillId="0" borderId="59" xfId="1" applyFont="1" applyFill="1" applyBorder="1" applyAlignment="1">
      <alignment vertical="center"/>
    </xf>
    <xf numFmtId="0" fontId="3" fillId="0" borderId="60" xfId="1" applyFont="1" applyFill="1" applyBorder="1" applyAlignment="1">
      <alignment vertical="center"/>
    </xf>
    <xf numFmtId="0" fontId="3" fillId="0" borderId="3" xfId="1" applyFont="1" applyBorder="1" applyAlignment="1">
      <alignment vertical="center"/>
    </xf>
    <xf numFmtId="0" fontId="3" fillId="0" borderId="1" xfId="1" applyFont="1" applyBorder="1" applyAlignment="1">
      <alignment vertical="center"/>
    </xf>
    <xf numFmtId="0" fontId="3" fillId="0" borderId="1" xfId="1" applyFont="1" applyFill="1" applyBorder="1" applyAlignment="1">
      <alignment vertical="center"/>
    </xf>
    <xf numFmtId="0" fontId="8" fillId="0" borderId="1" xfId="1" applyFont="1" applyFill="1" applyBorder="1" applyAlignment="1">
      <alignment vertical="center"/>
    </xf>
    <xf numFmtId="0" fontId="8" fillId="0" borderId="4" xfId="1" applyFont="1" applyFill="1" applyBorder="1" applyAlignment="1">
      <alignment vertical="center"/>
    </xf>
    <xf numFmtId="0" fontId="3" fillId="0" borderId="3" xfId="1" applyFont="1" applyFill="1" applyBorder="1" applyAlignment="1">
      <alignment vertical="center"/>
    </xf>
    <xf numFmtId="0" fontId="8" fillId="0" borderId="75" xfId="1" applyFont="1" applyFill="1" applyBorder="1" applyAlignment="1">
      <alignment vertical="center"/>
    </xf>
    <xf numFmtId="0" fontId="3" fillId="0" borderId="76" xfId="1" applyFont="1" applyFill="1" applyBorder="1" applyAlignment="1">
      <alignment vertical="center"/>
    </xf>
    <xf numFmtId="0" fontId="3" fillId="0" borderId="77" xfId="1" applyFont="1" applyFill="1" applyBorder="1" applyAlignment="1">
      <alignment vertical="center"/>
    </xf>
    <xf numFmtId="0" fontId="73" fillId="0" borderId="0" xfId="1" applyFont="1" applyAlignment="1">
      <alignment horizontal="justify" vertical="center"/>
    </xf>
    <xf numFmtId="0" fontId="8" fillId="0" borderId="10" xfId="1" applyFont="1" applyFill="1" applyBorder="1" applyAlignment="1">
      <alignment vertical="center"/>
    </xf>
    <xf numFmtId="0" fontId="3" fillId="0" borderId="18" xfId="1" applyFont="1" applyFill="1" applyBorder="1" applyAlignment="1">
      <alignment vertical="center"/>
    </xf>
    <xf numFmtId="0" fontId="3" fillId="0" borderId="6" xfId="1" applyFont="1" applyFill="1" applyBorder="1" applyAlignment="1">
      <alignment vertical="center"/>
    </xf>
    <xf numFmtId="0" fontId="74" fillId="0" borderId="0" xfId="1" applyFont="1" applyBorder="1" applyAlignment="1">
      <alignment vertical="center"/>
    </xf>
    <xf numFmtId="0" fontId="75" fillId="0" borderId="0" xfId="1" applyFont="1" applyAlignment="1">
      <alignment horizontal="left" readingOrder="1"/>
    </xf>
    <xf numFmtId="0" fontId="75" fillId="0" borderId="0" xfId="1" applyFont="1" applyAlignment="1">
      <alignment horizontal="left" vertical="top" readingOrder="1"/>
    </xf>
    <xf numFmtId="0" fontId="3" fillId="0" borderId="4" xfId="1" applyFont="1" applyFill="1" applyBorder="1" applyAlignment="1">
      <alignment vertical="center"/>
    </xf>
    <xf numFmtId="0" fontId="3" fillId="0" borderId="5" xfId="1" applyFont="1" applyFill="1" applyBorder="1" applyAlignment="1">
      <alignment vertical="center"/>
    </xf>
    <xf numFmtId="0" fontId="74" fillId="0" borderId="11" xfId="1" applyFont="1" applyBorder="1" applyAlignment="1">
      <alignment vertical="center"/>
    </xf>
    <xf numFmtId="0" fontId="8" fillId="0" borderId="2" xfId="1" applyFont="1" applyFill="1" applyBorder="1" applyAlignment="1">
      <alignment vertical="center"/>
    </xf>
    <xf numFmtId="0" fontId="3" fillId="0" borderId="0" xfId="1" applyFont="1" applyFill="1" applyBorder="1" applyAlignment="1">
      <alignment vertical="center" wrapText="1"/>
    </xf>
    <xf numFmtId="0" fontId="8" fillId="0" borderId="3" xfId="1" applyFont="1" applyFill="1" applyBorder="1" applyAlignment="1">
      <alignment vertical="center"/>
    </xf>
    <xf numFmtId="0" fontId="72" fillId="0" borderId="0" xfId="1" applyFont="1" applyAlignment="1">
      <alignment vertical="center"/>
    </xf>
    <xf numFmtId="0" fontId="13" fillId="0" borderId="0" xfId="1" applyAlignment="1">
      <alignment vertical="center"/>
    </xf>
    <xf numFmtId="0" fontId="13" fillId="0" borderId="0" xfId="1"/>
    <xf numFmtId="0" fontId="3" fillId="0" borderId="81" xfId="1" applyFont="1" applyFill="1" applyBorder="1" applyAlignment="1">
      <alignment vertical="center"/>
    </xf>
    <xf numFmtId="0" fontId="8" fillId="0" borderId="82" xfId="1" applyFont="1" applyFill="1" applyBorder="1" applyAlignment="1">
      <alignment vertical="center"/>
    </xf>
    <xf numFmtId="0" fontId="3" fillId="0" borderId="50" xfId="1" applyFont="1" applyFill="1" applyBorder="1" applyAlignment="1">
      <alignment vertical="center"/>
    </xf>
    <xf numFmtId="0" fontId="3" fillId="0" borderId="0" xfId="0" applyFont="1" applyAlignment="1">
      <alignment vertical="center"/>
    </xf>
    <xf numFmtId="0" fontId="3" fillId="0" borderId="11" xfId="0" applyFont="1" applyBorder="1" applyAlignment="1">
      <alignment vertical="center"/>
    </xf>
    <xf numFmtId="0" fontId="11" fillId="0" borderId="0" xfId="0" applyFont="1" applyAlignment="1">
      <alignment horizontal="center" vertical="center"/>
    </xf>
    <xf numFmtId="0" fontId="3" fillId="0" borderId="86" xfId="0" applyFont="1" applyBorder="1" applyAlignment="1">
      <alignment vertical="center"/>
    </xf>
    <xf numFmtId="0" fontId="3" fillId="0" borderId="87" xfId="0" applyFont="1" applyBorder="1" applyAlignment="1">
      <alignment vertical="center"/>
    </xf>
    <xf numFmtId="0" fontId="3" fillId="0" borderId="88" xfId="0" applyFont="1" applyBorder="1" applyAlignment="1">
      <alignment vertical="center"/>
    </xf>
    <xf numFmtId="0" fontId="0" fillId="0" borderId="87" xfId="0" applyBorder="1" applyAlignment="1">
      <alignment vertical="center"/>
    </xf>
    <xf numFmtId="0" fontId="0" fillId="0" borderId="88" xfId="0" applyBorder="1" applyAlignment="1">
      <alignment vertical="center"/>
    </xf>
    <xf numFmtId="0" fontId="3" fillId="0" borderId="89" xfId="0" applyFont="1" applyBorder="1" applyAlignment="1">
      <alignment vertical="center"/>
    </xf>
    <xf numFmtId="0" fontId="0" fillId="0" borderId="90" xfId="0" applyBorder="1" applyAlignment="1">
      <alignment vertical="center"/>
    </xf>
    <xf numFmtId="0" fontId="0" fillId="0" borderId="91" xfId="0" applyBorder="1" applyAlignment="1">
      <alignment vertical="center"/>
    </xf>
    <xf numFmtId="0" fontId="3" fillId="0" borderId="92" xfId="0" applyFont="1" applyBorder="1" applyAlignment="1">
      <alignment vertical="center"/>
    </xf>
    <xf numFmtId="0" fontId="3" fillId="0" borderId="93" xfId="0" applyFont="1" applyBorder="1" applyAlignment="1">
      <alignment vertical="center"/>
    </xf>
    <xf numFmtId="0" fontId="3" fillId="0" borderId="94" xfId="0" applyFont="1" applyBorder="1" applyAlignment="1">
      <alignment vertical="center"/>
    </xf>
    <xf numFmtId="0" fontId="3" fillId="0" borderId="43" xfId="0" applyFont="1" applyBorder="1" applyAlignment="1">
      <alignment vertical="center"/>
    </xf>
    <xf numFmtId="0" fontId="3" fillId="0" borderId="24" xfId="0" applyFont="1" applyBorder="1" applyAlignment="1">
      <alignment vertical="center"/>
    </xf>
    <xf numFmtId="0" fontId="3" fillId="0" borderId="27" xfId="0" applyFont="1" applyBorder="1" applyAlignment="1">
      <alignment vertical="center"/>
    </xf>
    <xf numFmtId="0" fontId="0" fillId="0" borderId="93" xfId="0" applyBorder="1" applyAlignment="1">
      <alignment vertical="center"/>
    </xf>
    <xf numFmtId="0" fontId="0" fillId="0" borderId="94" xfId="0" applyBorder="1" applyAlignment="1">
      <alignment vertical="center"/>
    </xf>
    <xf numFmtId="0" fontId="3" fillId="0" borderId="95" xfId="0" applyFont="1" applyBorder="1" applyAlignment="1">
      <alignment vertical="center"/>
    </xf>
    <xf numFmtId="0" fontId="0" fillId="0" borderId="96" xfId="0" applyBorder="1" applyAlignment="1">
      <alignment vertical="center"/>
    </xf>
    <xf numFmtId="0" fontId="0" fillId="0" borderId="97" xfId="0" applyBorder="1" applyAlignment="1">
      <alignment vertical="center"/>
    </xf>
    <xf numFmtId="0" fontId="77" fillId="0" borderId="2" xfId="0" applyFont="1" applyFill="1" applyBorder="1" applyAlignment="1">
      <alignment vertical="center"/>
    </xf>
    <xf numFmtId="0" fontId="77" fillId="0" borderId="11" xfId="0" applyFont="1" applyFill="1" applyBorder="1" applyAlignment="1">
      <alignment vertical="center"/>
    </xf>
    <xf numFmtId="0" fontId="77" fillId="0" borderId="2" xfId="0" applyFont="1" applyFill="1" applyBorder="1" applyAlignment="1">
      <alignment vertical="center" wrapText="1"/>
    </xf>
    <xf numFmtId="0" fontId="77" fillId="0" borderId="11" xfId="0" applyFont="1" applyFill="1" applyBorder="1" applyAlignment="1">
      <alignment vertical="center" wrapText="1"/>
    </xf>
    <xf numFmtId="0" fontId="5" fillId="0" borderId="2" xfId="0" applyFont="1" applyBorder="1" applyAlignment="1">
      <alignment vertical="center"/>
    </xf>
    <xf numFmtId="0" fontId="5" fillId="0" borderId="11" xfId="0" applyFont="1" applyBorder="1" applyAlignment="1">
      <alignment vertical="center"/>
    </xf>
    <xf numFmtId="0" fontId="3" fillId="0" borderId="0" xfId="0" applyFont="1" applyAlignment="1">
      <alignment horizontal="center" vertical="center"/>
    </xf>
    <xf numFmtId="0" fontId="0" fillId="0" borderId="2" xfId="0" applyBorder="1" applyAlignment="1">
      <alignment horizontal="center" vertical="center"/>
    </xf>
    <xf numFmtId="0" fontId="0" fillId="0" borderId="0" xfId="0">
      <alignment vertical="center"/>
    </xf>
    <xf numFmtId="0" fontId="0" fillId="0" borderId="7" xfId="0" applyBorder="1">
      <alignment vertical="center"/>
    </xf>
    <xf numFmtId="0" fontId="3" fillId="0" borderId="0" xfId="0" applyFont="1" applyBorder="1" applyAlignment="1">
      <alignment horizontal="center" vertical="center"/>
    </xf>
    <xf numFmtId="0" fontId="3" fillId="0" borderId="7" xfId="0" applyFont="1" applyBorder="1" applyAlignment="1">
      <alignment horizontal="center" vertical="center"/>
    </xf>
    <xf numFmtId="0" fontId="3" fillId="0" borderId="5" xfId="0" applyFont="1" applyBorder="1">
      <alignment vertical="center"/>
    </xf>
    <xf numFmtId="0" fontId="0" fillId="0" borderId="3" xfId="0" applyBorder="1" applyAlignment="1">
      <alignment horizontal="center" vertical="center"/>
    </xf>
    <xf numFmtId="0" fontId="0" fillId="0" borderId="1" xfId="0" applyBorder="1" applyAlignment="1">
      <alignment horizontal="center" vertical="center"/>
    </xf>
    <xf numFmtId="0" fontId="5" fillId="0" borderId="2" xfId="0" applyFont="1" applyBorder="1" applyAlignment="1">
      <alignment vertical="center"/>
    </xf>
    <xf numFmtId="0" fontId="3" fillId="0" borderId="7" xfId="0" applyFont="1" applyBorder="1">
      <alignment vertical="center"/>
    </xf>
    <xf numFmtId="0" fontId="28" fillId="0" borderId="0" xfId="0" applyFont="1" applyAlignment="1">
      <alignment horizontal="center" vertical="center"/>
    </xf>
    <xf numFmtId="0" fontId="10" fillId="0" borderId="7" xfId="0" applyFont="1" applyBorder="1" applyAlignment="1">
      <alignment horizontal="center" vertical="center"/>
    </xf>
    <xf numFmtId="0" fontId="10" fillId="0" borderId="0" xfId="0" applyFont="1" applyBorder="1" applyAlignment="1">
      <alignment horizontal="center" vertical="center"/>
    </xf>
    <xf numFmtId="0" fontId="10" fillId="0" borderId="1" xfId="0" applyFont="1" applyBorder="1" applyAlignment="1">
      <alignment horizontal="center" vertical="center"/>
    </xf>
    <xf numFmtId="0" fontId="0" fillId="0" borderId="5" xfId="0" applyBorder="1" applyAlignment="1">
      <alignment vertical="center"/>
    </xf>
    <xf numFmtId="0" fontId="31" fillId="0" borderId="0" xfId="0" applyFont="1" applyBorder="1" applyAlignment="1">
      <alignment vertical="center" textRotation="255"/>
    </xf>
    <xf numFmtId="0" fontId="5" fillId="0" borderId="0" xfId="0" applyFont="1" applyBorder="1">
      <alignment vertical="center"/>
    </xf>
    <xf numFmtId="0" fontId="35" fillId="0" borderId="0" xfId="0" applyFont="1" applyAlignment="1">
      <alignment vertical="center"/>
    </xf>
    <xf numFmtId="0" fontId="0" fillId="3" borderId="4" xfId="0" applyFill="1" applyBorder="1">
      <alignment vertical="center"/>
    </xf>
    <xf numFmtId="0" fontId="2" fillId="0" borderId="169" xfId="0" applyFont="1" applyBorder="1" applyAlignment="1">
      <alignment horizontal="center" vertical="center"/>
    </xf>
    <xf numFmtId="0" fontId="3" fillId="0" borderId="7" xfId="0" applyFont="1" applyBorder="1" applyAlignment="1">
      <alignment horizontal="center" vertical="center" wrapText="1"/>
    </xf>
    <xf numFmtId="49" fontId="2" fillId="0" borderId="1" xfId="0" applyNumberFormat="1" applyFont="1" applyBorder="1" applyAlignment="1">
      <alignment horizontal="center" vertical="center"/>
    </xf>
    <xf numFmtId="0" fontId="10" fillId="0" borderId="7" xfId="0" applyFont="1" applyBorder="1">
      <alignment vertical="center"/>
    </xf>
    <xf numFmtId="0" fontId="10" fillId="0" borderId="1" xfId="0" applyFont="1" applyBorder="1">
      <alignment vertical="center"/>
    </xf>
    <xf numFmtId="0" fontId="10" fillId="0" borderId="105" xfId="0" applyFont="1" applyBorder="1">
      <alignment vertical="center"/>
    </xf>
    <xf numFmtId="0" fontId="10" fillId="0" borderId="20" xfId="0" applyFont="1" applyBorder="1">
      <alignment vertical="center"/>
    </xf>
    <xf numFmtId="0" fontId="10" fillId="0" borderId="22" xfId="0" applyFont="1" applyBorder="1">
      <alignment vertical="center"/>
    </xf>
    <xf numFmtId="0" fontId="10" fillId="0" borderId="32" xfId="0" applyFont="1" applyBorder="1">
      <alignment vertical="center"/>
    </xf>
    <xf numFmtId="0" fontId="10" fillId="0" borderId="0" xfId="0" applyFont="1" applyBorder="1">
      <alignment vertical="center"/>
    </xf>
    <xf numFmtId="0" fontId="10" fillId="0" borderId="23" xfId="0" applyFont="1" applyBorder="1">
      <alignment vertical="center"/>
    </xf>
    <xf numFmtId="0" fontId="85" fillId="0" borderId="37" xfId="0" applyFont="1" applyBorder="1" applyAlignment="1">
      <alignment horizontal="left" vertical="center"/>
    </xf>
    <xf numFmtId="0" fontId="85" fillId="0" borderId="25" xfId="0" applyFont="1" applyBorder="1" applyAlignment="1">
      <alignment horizontal="right" vertical="center"/>
    </xf>
    <xf numFmtId="0" fontId="9" fillId="0" borderId="37" xfId="0" applyFont="1" applyBorder="1" applyAlignment="1">
      <alignment horizontal="center" vertical="center"/>
    </xf>
    <xf numFmtId="0" fontId="9" fillId="0" borderId="1" xfId="0" applyFont="1" applyBorder="1" applyAlignment="1">
      <alignment horizontal="center" vertical="center"/>
    </xf>
    <xf numFmtId="0" fontId="85" fillId="0" borderId="3" xfId="0" applyFont="1" applyBorder="1" applyAlignment="1">
      <alignment horizontal="left" vertical="center"/>
    </xf>
    <xf numFmtId="0" fontId="85" fillId="0" borderId="169" xfId="4" applyFont="1" applyBorder="1" applyAlignment="1">
      <alignment horizontal="center" vertical="center"/>
    </xf>
    <xf numFmtId="0" fontId="85" fillId="0" borderId="3" xfId="4" applyFont="1" applyBorder="1" applyAlignment="1">
      <alignment horizontal="left" vertical="center"/>
    </xf>
    <xf numFmtId="0" fontId="85" fillId="0" borderId="25" xfId="4" applyFont="1" applyBorder="1" applyAlignment="1">
      <alignment horizontal="right" vertical="center"/>
    </xf>
    <xf numFmtId="0" fontId="85" fillId="0" borderId="25" xfId="0" applyFont="1" applyBorder="1" applyAlignment="1">
      <alignment horizontal="center" vertical="center"/>
    </xf>
    <xf numFmtId="0" fontId="5" fillId="0" borderId="18" xfId="0" applyFont="1" applyBorder="1">
      <alignment vertical="center"/>
    </xf>
    <xf numFmtId="0" fontId="5" fillId="0" borderId="7" xfId="0" applyFont="1" applyBorder="1" applyAlignment="1">
      <alignment vertical="top"/>
    </xf>
    <xf numFmtId="0" fontId="27" fillId="0" borderId="0" xfId="0" applyFont="1" applyBorder="1" applyAlignment="1">
      <alignment vertical="center"/>
    </xf>
    <xf numFmtId="0" fontId="34" fillId="0" borderId="0" xfId="0" applyFont="1" applyAlignment="1">
      <alignment horizontal="center" vertical="center"/>
    </xf>
    <xf numFmtId="0" fontId="34" fillId="0" borderId="7" xfId="0" applyFont="1" applyBorder="1" applyAlignment="1">
      <alignment horizontal="center" vertical="center"/>
    </xf>
    <xf numFmtId="0" fontId="3" fillId="0" borderId="0" xfId="0" applyFont="1" applyBorder="1" applyAlignment="1">
      <alignment horizontal="center" vertical="center"/>
    </xf>
    <xf numFmtId="0" fontId="3"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6" xfId="0" applyFont="1" applyBorder="1" applyAlignment="1">
      <alignment horizontal="center" vertical="center"/>
    </xf>
    <xf numFmtId="0" fontId="3" fillId="0" borderId="18"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1" xfId="0" applyFont="1" applyBorder="1" applyAlignment="1">
      <alignment horizontal="center" vertical="center"/>
    </xf>
    <xf numFmtId="0" fontId="0" fillId="0" borderId="0" xfId="0" applyBorder="1">
      <alignment vertical="center"/>
    </xf>
    <xf numFmtId="0" fontId="0" fillId="0" borderId="172" xfId="0" applyBorder="1">
      <alignment vertical="center"/>
    </xf>
    <xf numFmtId="0" fontId="0" fillId="0" borderId="173" xfId="0" applyBorder="1">
      <alignment vertical="center"/>
    </xf>
    <xf numFmtId="0" fontId="0" fillId="0" borderId="174" xfId="0" applyBorder="1">
      <alignment vertical="center"/>
    </xf>
    <xf numFmtId="0" fontId="0" fillId="0" borderId="175" xfId="0" applyBorder="1">
      <alignment vertical="center"/>
    </xf>
    <xf numFmtId="0" fontId="0" fillId="0" borderId="176" xfId="0" applyBorder="1">
      <alignment vertical="center"/>
    </xf>
    <xf numFmtId="0" fontId="2" fillId="0" borderId="177" xfId="0" applyFont="1" applyBorder="1" applyAlignment="1">
      <alignment horizontal="center" vertical="center"/>
    </xf>
    <xf numFmtId="0" fontId="2" fillId="0" borderId="178" xfId="0" applyFont="1" applyBorder="1" applyAlignment="1">
      <alignment horizontal="center" vertical="center"/>
    </xf>
    <xf numFmtId="0" fontId="2" fillId="0" borderId="196" xfId="0" applyFont="1" applyBorder="1" applyAlignment="1">
      <alignment horizontal="center" vertical="center"/>
    </xf>
    <xf numFmtId="0" fontId="3" fillId="0" borderId="197" xfId="0" applyFont="1" applyBorder="1" applyAlignment="1">
      <alignment horizontal="center" vertical="center"/>
    </xf>
    <xf numFmtId="0" fontId="3" fillId="0" borderId="172" xfId="0" applyFont="1" applyBorder="1">
      <alignment vertical="center"/>
    </xf>
    <xf numFmtId="0" fontId="3" fillId="0" borderId="173" xfId="0" applyFont="1" applyBorder="1">
      <alignment vertical="center"/>
    </xf>
    <xf numFmtId="0" fontId="3" fillId="0" borderId="173" xfId="0" applyFont="1" applyBorder="1" applyAlignment="1">
      <alignment horizontal="center" vertical="center"/>
    </xf>
    <xf numFmtId="0" fontId="3" fillId="0" borderId="199" xfId="0" applyFont="1" applyBorder="1" applyAlignment="1">
      <alignment horizontal="center" vertical="center"/>
    </xf>
    <xf numFmtId="0" fontId="3" fillId="0" borderId="175" xfId="0" applyFont="1" applyBorder="1" applyAlignment="1">
      <alignment horizontal="center" vertical="center"/>
    </xf>
    <xf numFmtId="0" fontId="2" fillId="0" borderId="175" xfId="0" applyFont="1" applyBorder="1" applyAlignment="1">
      <alignment horizontal="center" vertical="center"/>
    </xf>
    <xf numFmtId="0" fontId="3" fillId="0" borderId="185" xfId="0" applyFont="1" applyBorder="1" applyAlignment="1">
      <alignment horizontal="center" vertical="center"/>
    </xf>
    <xf numFmtId="0" fontId="3" fillId="0" borderId="186" xfId="0" applyFont="1" applyBorder="1" applyAlignment="1">
      <alignment horizontal="center" vertical="center"/>
    </xf>
    <xf numFmtId="0" fontId="8" fillId="0" borderId="10" xfId="0" applyFont="1" applyFill="1" applyBorder="1" applyAlignment="1">
      <alignment vertical="center"/>
    </xf>
    <xf numFmtId="0" fontId="3" fillId="0" borderId="18" xfId="0" applyFont="1" applyFill="1" applyBorder="1" applyAlignment="1">
      <alignment vertical="center"/>
    </xf>
    <xf numFmtId="0" fontId="3" fillId="0" borderId="2" xfId="0" applyFont="1" applyFill="1" applyBorder="1" applyAlignment="1">
      <alignment vertical="center"/>
    </xf>
    <xf numFmtId="0" fontId="3" fillId="0" borderId="0" xfId="0" applyFont="1" applyFill="1" applyBorder="1" applyAlignment="1">
      <alignment vertical="center"/>
    </xf>
    <xf numFmtId="0" fontId="3" fillId="0" borderId="7" xfId="0" applyFont="1" applyFill="1" applyBorder="1" applyAlignment="1">
      <alignment vertical="center"/>
    </xf>
    <xf numFmtId="0" fontId="3" fillId="0" borderId="3" xfId="0" applyFont="1" applyFill="1" applyBorder="1" applyAlignment="1">
      <alignment vertical="center"/>
    </xf>
    <xf numFmtId="0" fontId="3" fillId="0" borderId="1" xfId="0" applyFont="1" applyFill="1" applyBorder="1" applyAlignment="1">
      <alignment vertical="center"/>
    </xf>
    <xf numFmtId="0" fontId="3" fillId="0" borderId="0" xfId="0" applyFont="1" applyFill="1" applyAlignment="1">
      <alignment horizontal="center" vertical="center"/>
    </xf>
    <xf numFmtId="0" fontId="8" fillId="0" borderId="6" xfId="0" applyFont="1" applyFill="1" applyBorder="1" applyAlignment="1">
      <alignment vertical="center"/>
    </xf>
    <xf numFmtId="0" fontId="8" fillId="0" borderId="18" xfId="0" applyFont="1" applyFill="1" applyBorder="1" applyAlignment="1">
      <alignment vertical="center"/>
    </xf>
    <xf numFmtId="0" fontId="8" fillId="0" borderId="16" xfId="0" applyFont="1" applyFill="1" applyBorder="1" applyAlignment="1">
      <alignment vertical="center"/>
    </xf>
    <xf numFmtId="0" fontId="3" fillId="0" borderId="6" xfId="0" applyFont="1" applyFill="1" applyBorder="1" applyAlignment="1">
      <alignment vertical="center"/>
    </xf>
    <xf numFmtId="0" fontId="8" fillId="0" borderId="7" xfId="0" applyFont="1" applyFill="1" applyBorder="1" applyAlignment="1">
      <alignment vertical="center"/>
    </xf>
    <xf numFmtId="0" fontId="8" fillId="0" borderId="5" xfId="0" applyFont="1" applyFill="1" applyBorder="1" applyAlignment="1">
      <alignment vertical="center"/>
    </xf>
    <xf numFmtId="0" fontId="8" fillId="0" borderId="51" xfId="0" applyFont="1" applyFill="1" applyBorder="1" applyAlignment="1">
      <alignment vertical="center"/>
    </xf>
    <xf numFmtId="0" fontId="8" fillId="0" borderId="0" xfId="0" applyFont="1" applyFill="1" applyBorder="1" applyAlignment="1">
      <alignment vertical="center"/>
    </xf>
    <xf numFmtId="0" fontId="8" fillId="0" borderId="11" xfId="0" applyFont="1" applyFill="1" applyBorder="1" applyAlignment="1">
      <alignment vertical="center"/>
    </xf>
    <xf numFmtId="0" fontId="8" fillId="0" borderId="1" xfId="0" applyFont="1" applyFill="1" applyBorder="1" applyAlignment="1">
      <alignment vertical="center"/>
    </xf>
    <xf numFmtId="0" fontId="8" fillId="0" borderId="71" xfId="0" applyFont="1" applyFill="1" applyBorder="1" applyAlignment="1">
      <alignment vertical="center"/>
    </xf>
    <xf numFmtId="0" fontId="3" fillId="0" borderId="72" xfId="0" applyFont="1" applyFill="1" applyBorder="1" applyAlignment="1">
      <alignment vertical="center"/>
    </xf>
    <xf numFmtId="0" fontId="8" fillId="0" borderId="72" xfId="0" applyFont="1" applyFill="1" applyBorder="1" applyAlignment="1">
      <alignment vertical="center"/>
    </xf>
    <xf numFmtId="0" fontId="8" fillId="0" borderId="73" xfId="0" applyFont="1" applyFill="1" applyBorder="1" applyAlignment="1">
      <alignment vertical="center"/>
    </xf>
    <xf numFmtId="0" fontId="8" fillId="0" borderId="75" xfId="0" applyFont="1" applyFill="1" applyBorder="1" applyAlignment="1">
      <alignment vertical="center"/>
    </xf>
    <xf numFmtId="0" fontId="3" fillId="0" borderId="76" xfId="0" applyFont="1" applyFill="1" applyBorder="1" applyAlignment="1">
      <alignment vertical="center"/>
    </xf>
    <xf numFmtId="0" fontId="3" fillId="0" borderId="59" xfId="0" applyFont="1" applyFill="1" applyBorder="1" applyAlignment="1">
      <alignment vertical="center"/>
    </xf>
    <xf numFmtId="0" fontId="8" fillId="0" borderId="76" xfId="0" applyFont="1" applyFill="1" applyBorder="1" applyAlignment="1">
      <alignment vertical="center"/>
    </xf>
    <xf numFmtId="0" fontId="8" fillId="0" borderId="77" xfId="0" applyFont="1" applyFill="1" applyBorder="1" applyAlignment="1">
      <alignment vertical="center"/>
    </xf>
    <xf numFmtId="0" fontId="8" fillId="0" borderId="65" xfId="0" applyFont="1" applyFill="1" applyBorder="1" applyAlignment="1">
      <alignment vertical="center"/>
    </xf>
    <xf numFmtId="0" fontId="8" fillId="0" borderId="81" xfId="0" applyFont="1" applyFill="1" applyBorder="1" applyAlignment="1">
      <alignment vertical="center"/>
    </xf>
    <xf numFmtId="0" fontId="8" fillId="0" borderId="74" xfId="0" applyFont="1" applyFill="1" applyBorder="1" applyAlignment="1">
      <alignment vertical="center"/>
    </xf>
    <xf numFmtId="0" fontId="8" fillId="0" borderId="59" xfId="0" applyFont="1" applyFill="1" applyBorder="1" applyAlignment="1">
      <alignment vertical="center"/>
    </xf>
    <xf numFmtId="0" fontId="8" fillId="0" borderId="60" xfId="0" applyFont="1" applyFill="1" applyBorder="1" applyAlignment="1">
      <alignment vertical="center"/>
    </xf>
    <xf numFmtId="0" fontId="8" fillId="0" borderId="25" xfId="0" applyFont="1" applyFill="1" applyBorder="1" applyAlignment="1">
      <alignment vertical="center"/>
    </xf>
    <xf numFmtId="0" fontId="8" fillId="0" borderId="0" xfId="0" applyFont="1" applyFill="1" applyAlignment="1">
      <alignment vertical="center"/>
    </xf>
    <xf numFmtId="0" fontId="3" fillId="0" borderId="7" xfId="0" applyNumberFormat="1" applyFont="1" applyFill="1" applyBorder="1" applyAlignment="1">
      <alignment vertical="center"/>
    </xf>
    <xf numFmtId="0" fontId="3" fillId="0" borderId="22" xfId="0" applyNumberFormat="1" applyFont="1" applyFill="1" applyBorder="1" applyAlignment="1">
      <alignment vertical="center"/>
    </xf>
    <xf numFmtId="0" fontId="8" fillId="0" borderId="4" xfId="0" applyFont="1" applyFill="1" applyBorder="1" applyAlignment="1">
      <alignment vertical="center"/>
    </xf>
    <xf numFmtId="0" fontId="3" fillId="0" borderId="4" xfId="0" applyFont="1" applyFill="1" applyBorder="1" applyAlignment="1">
      <alignment vertical="center"/>
    </xf>
    <xf numFmtId="0" fontId="3" fillId="0" borderId="18" xfId="0" applyNumberFormat="1" applyFont="1" applyFill="1" applyBorder="1" applyAlignment="1">
      <alignment vertical="center"/>
    </xf>
    <xf numFmtId="0" fontId="3" fillId="0" borderId="83" xfId="0" applyNumberFormat="1" applyFont="1" applyFill="1" applyBorder="1" applyAlignment="1">
      <alignment vertical="center"/>
    </xf>
    <xf numFmtId="0" fontId="3" fillId="0" borderId="0" xfId="0" applyFont="1" applyFill="1" applyAlignment="1">
      <alignment vertical="center"/>
    </xf>
    <xf numFmtId="0" fontId="3" fillId="0" borderId="0" xfId="0" applyFont="1" applyFill="1" applyBorder="1" applyAlignment="1">
      <alignment horizontal="center" vertical="center"/>
    </xf>
    <xf numFmtId="0" fontId="76" fillId="0" borderId="10" xfId="0" applyFont="1" applyFill="1" applyBorder="1" applyAlignment="1">
      <alignment vertical="center"/>
    </xf>
    <xf numFmtId="0" fontId="76" fillId="0" borderId="18" xfId="0" applyFont="1" applyFill="1" applyBorder="1" applyAlignment="1">
      <alignment vertical="center"/>
    </xf>
    <xf numFmtId="0" fontId="76" fillId="0" borderId="16" xfId="0" applyFont="1" applyFill="1" applyBorder="1" applyAlignment="1">
      <alignment vertical="center"/>
    </xf>
    <xf numFmtId="0" fontId="72" fillId="0" borderId="2" xfId="0" applyFont="1" applyFill="1" applyBorder="1" applyAlignment="1">
      <alignment vertical="center"/>
    </xf>
    <xf numFmtId="0" fontId="72" fillId="0" borderId="0" xfId="0" applyFont="1" applyFill="1" applyBorder="1" applyAlignment="1">
      <alignment vertical="center"/>
    </xf>
    <xf numFmtId="0" fontId="76" fillId="0" borderId="5" xfId="0" applyFont="1" applyFill="1" applyBorder="1" applyAlignment="1">
      <alignment vertical="center"/>
    </xf>
    <xf numFmtId="0" fontId="76" fillId="0" borderId="0" xfId="0" applyFont="1" applyFill="1" applyBorder="1" applyAlignment="1">
      <alignment vertical="center"/>
    </xf>
    <xf numFmtId="0" fontId="76" fillId="0" borderId="11" xfId="0" applyFont="1" applyFill="1" applyBorder="1" applyAlignment="1">
      <alignment vertical="center"/>
    </xf>
    <xf numFmtId="0" fontId="76" fillId="0" borderId="6" xfId="0" applyFont="1" applyFill="1" applyBorder="1" applyAlignment="1">
      <alignment vertical="center"/>
    </xf>
    <xf numFmtId="0" fontId="76" fillId="0" borderId="7" xfId="0" applyFont="1" applyFill="1" applyBorder="1" applyAlignment="1">
      <alignment vertical="center"/>
    </xf>
    <xf numFmtId="0" fontId="72" fillId="0" borderId="3" xfId="0" applyFont="1" applyFill="1" applyBorder="1" applyAlignment="1">
      <alignment vertical="center"/>
    </xf>
    <xf numFmtId="0" fontId="72" fillId="0" borderId="1" xfId="0" applyFont="1" applyFill="1" applyBorder="1" applyAlignment="1">
      <alignment vertical="center"/>
    </xf>
    <xf numFmtId="0" fontId="76" fillId="0" borderId="1" xfId="0" applyFont="1" applyFill="1" applyBorder="1" applyAlignment="1">
      <alignment vertical="center"/>
    </xf>
    <xf numFmtId="0" fontId="76" fillId="0" borderId="3" xfId="0" applyFont="1" applyFill="1" applyBorder="1" applyAlignment="1">
      <alignment vertical="center"/>
    </xf>
    <xf numFmtId="0" fontId="72" fillId="0" borderId="61" xfId="0" applyNumberFormat="1" applyFont="1" applyFill="1" applyBorder="1" applyAlignment="1">
      <alignment vertical="center"/>
    </xf>
    <xf numFmtId="0" fontId="72" fillId="0" borderId="7" xfId="0" applyFont="1" applyFill="1" applyBorder="1" applyAlignment="1">
      <alignment vertical="center"/>
    </xf>
    <xf numFmtId="0" fontId="3" fillId="0" borderId="0" xfId="0" applyFont="1" applyFill="1" applyAlignment="1"/>
    <xf numFmtId="0" fontId="72" fillId="0" borderId="0" xfId="0" applyFont="1" applyFill="1" applyAlignment="1">
      <alignment vertical="center"/>
    </xf>
    <xf numFmtId="0" fontId="72" fillId="0" borderId="6" xfId="0" applyFont="1" applyFill="1" applyBorder="1" applyAlignment="1">
      <alignment vertical="center"/>
    </xf>
    <xf numFmtId="0" fontId="3" fillId="0" borderId="0" xfId="0" applyFont="1" applyFill="1" applyBorder="1" applyAlignment="1"/>
    <xf numFmtId="0" fontId="3" fillId="0" borderId="11" xfId="0" applyFont="1" applyFill="1" applyBorder="1" applyAlignment="1"/>
    <xf numFmtId="0" fontId="3" fillId="0" borderId="1" xfId="0" applyFont="1" applyFill="1" applyBorder="1" applyAlignment="1"/>
    <xf numFmtId="0" fontId="76" fillId="0" borderId="0" xfId="0" applyFont="1" applyFill="1" applyBorder="1" applyAlignment="1">
      <alignment horizontal="center" vertical="center"/>
    </xf>
    <xf numFmtId="0" fontId="3" fillId="0" borderId="58" xfId="1" applyFont="1" applyFill="1" applyBorder="1" applyAlignment="1">
      <alignment horizontal="center" vertical="center"/>
    </xf>
    <xf numFmtId="0" fontId="3" fillId="0" borderId="59" xfId="1" applyFont="1" applyFill="1" applyBorder="1" applyAlignment="1">
      <alignment horizontal="center" vertical="center"/>
    </xf>
    <xf numFmtId="0" fontId="3" fillId="0" borderId="60" xfId="1" applyFont="1" applyFill="1" applyBorder="1" applyAlignment="1">
      <alignment horizontal="center" vertical="center"/>
    </xf>
    <xf numFmtId="0" fontId="3" fillId="0" borderId="53" xfId="1" applyFont="1" applyFill="1" applyBorder="1" applyAlignment="1">
      <alignment horizontal="center" vertical="center"/>
    </xf>
    <xf numFmtId="0" fontId="3" fillId="0" borderId="50" xfId="1" applyFont="1" applyFill="1" applyBorder="1" applyAlignment="1">
      <alignment horizontal="center" vertical="center"/>
    </xf>
    <xf numFmtId="0" fontId="3" fillId="0" borderId="54" xfId="1" applyFont="1" applyFill="1" applyBorder="1" applyAlignment="1">
      <alignment horizontal="center" vertical="center"/>
    </xf>
    <xf numFmtId="0" fontId="3" fillId="0" borderId="70" xfId="1" applyFont="1" applyFill="1" applyBorder="1" applyAlignment="1">
      <alignment horizontal="center" vertical="center"/>
    </xf>
    <xf numFmtId="0" fontId="3" fillId="0" borderId="67" xfId="1" applyFont="1" applyFill="1" applyBorder="1" applyAlignment="1">
      <alignment horizontal="center" vertical="center"/>
    </xf>
    <xf numFmtId="0" fontId="3" fillId="0" borderId="61" xfId="1" applyFont="1" applyFill="1" applyBorder="1" applyAlignment="1">
      <alignment horizontal="center" vertical="center"/>
    </xf>
    <xf numFmtId="0" fontId="3" fillId="0" borderId="55" xfId="1" applyFont="1" applyFill="1" applyBorder="1" applyAlignment="1">
      <alignment horizontal="center" vertical="center"/>
    </xf>
    <xf numFmtId="0" fontId="3" fillId="0" borderId="56" xfId="1" applyFont="1" applyFill="1" applyBorder="1" applyAlignment="1">
      <alignment horizontal="center" vertical="center"/>
    </xf>
    <xf numFmtId="0" fontId="3" fillId="0" borderId="57" xfId="1" applyFont="1" applyFill="1" applyBorder="1" applyAlignment="1">
      <alignment horizontal="center" vertical="center"/>
    </xf>
    <xf numFmtId="0" fontId="3" fillId="0" borderId="78" xfId="1" applyFont="1" applyFill="1" applyBorder="1" applyAlignment="1">
      <alignment horizontal="center" vertical="center"/>
    </xf>
    <xf numFmtId="0" fontId="3" fillId="0" borderId="79" xfId="1" applyFont="1" applyFill="1" applyBorder="1" applyAlignment="1">
      <alignment horizontal="center" vertical="center"/>
    </xf>
    <xf numFmtId="0" fontId="3" fillId="0" borderId="80" xfId="1" applyFont="1" applyFill="1" applyBorder="1" applyAlignment="1">
      <alignment horizontal="center" vertical="center"/>
    </xf>
    <xf numFmtId="0" fontId="17" fillId="0" borderId="0" xfId="0" applyFont="1" applyBorder="1" applyAlignment="1">
      <alignment horizontal="distributed" vertical="center"/>
    </xf>
    <xf numFmtId="0" fontId="25" fillId="0" borderId="0" xfId="0" applyFont="1" applyBorder="1" applyAlignment="1"/>
    <xf numFmtId="0" fontId="0" fillId="3" borderId="0" xfId="0" applyFill="1" applyAlignment="1">
      <alignment horizontal="left" vertical="center" wrapText="1"/>
    </xf>
    <xf numFmtId="0" fontId="17" fillId="0" borderId="32" xfId="0" applyFont="1" applyBorder="1" applyAlignment="1">
      <alignment horizontal="center" vertical="center"/>
    </xf>
    <xf numFmtId="0" fontId="17" fillId="0" borderId="98" xfId="0" applyFont="1" applyBorder="1" applyAlignment="1">
      <alignment horizontal="center" vertical="center"/>
    </xf>
    <xf numFmtId="0" fontId="17" fillId="0" borderId="0" xfId="0" applyFont="1" applyBorder="1" applyAlignment="1">
      <alignment horizontal="center" vertical="center"/>
    </xf>
    <xf numFmtId="0" fontId="17" fillId="0" borderId="23" xfId="0" applyFont="1" applyBorder="1" applyAlignment="1">
      <alignment horizontal="center" vertical="center"/>
    </xf>
    <xf numFmtId="0" fontId="13" fillId="0" borderId="32" xfId="0" applyFont="1" applyBorder="1" applyAlignment="1">
      <alignment horizontal="center" vertical="center"/>
    </xf>
    <xf numFmtId="0" fontId="13" fillId="0" borderId="98" xfId="0" applyFont="1" applyBorder="1" applyAlignment="1">
      <alignment horizontal="center" vertical="center"/>
    </xf>
    <xf numFmtId="0" fontId="13" fillId="0" borderId="43" xfId="0" applyFont="1" applyBorder="1" applyAlignment="1">
      <alignment horizontal="center" vertical="center"/>
    </xf>
    <xf numFmtId="0" fontId="13" fillId="0" borderId="99" xfId="0" applyFont="1" applyBorder="1" applyAlignment="1">
      <alignment horizontal="center" vertical="center"/>
    </xf>
    <xf numFmtId="0" fontId="16" fillId="0" borderId="100" xfId="0" applyFont="1" applyBorder="1" applyAlignment="1">
      <alignment horizontal="center" vertical="center"/>
    </xf>
    <xf numFmtId="0" fontId="16" fillId="0" borderId="23" xfId="0" applyFont="1" applyBorder="1" applyAlignment="1">
      <alignment horizontal="center" vertical="center"/>
    </xf>
    <xf numFmtId="0" fontId="16" fillId="0" borderId="101" xfId="0" applyFont="1" applyBorder="1" applyAlignment="1">
      <alignment horizontal="center" vertical="center"/>
    </xf>
    <xf numFmtId="0" fontId="16" fillId="0" borderId="30" xfId="0" applyFont="1" applyBorder="1" applyAlignment="1">
      <alignment horizontal="center" vertical="center"/>
    </xf>
    <xf numFmtId="0" fontId="8" fillId="0" borderId="0" xfId="0" applyFont="1" applyBorder="1" applyAlignment="1">
      <alignment horizontal="left" vertical="center" wrapText="1"/>
    </xf>
    <xf numFmtId="0" fontId="16" fillId="0" borderId="70" xfId="0" applyFont="1" applyBorder="1" applyAlignment="1">
      <alignment horizontal="center" vertical="center"/>
    </xf>
    <xf numFmtId="0" fontId="16" fillId="0" borderId="67" xfId="0" applyFont="1" applyBorder="1" applyAlignment="1">
      <alignment horizontal="center" vertical="center"/>
    </xf>
    <xf numFmtId="0" fontId="16" fillId="0" borderId="61" xfId="0" applyFont="1" applyBorder="1" applyAlignment="1">
      <alignment horizontal="center" vertical="center"/>
    </xf>
    <xf numFmtId="0" fontId="17" fillId="0" borderId="32" xfId="0" applyFont="1" applyBorder="1" applyAlignment="1">
      <alignment horizontal="center" vertical="center" wrapText="1"/>
    </xf>
    <xf numFmtId="0" fontId="17" fillId="0" borderId="45" xfId="0" applyFont="1" applyBorder="1" applyAlignment="1">
      <alignment horizontal="center" vertical="center" wrapText="1"/>
    </xf>
    <xf numFmtId="0" fontId="17" fillId="0" borderId="0" xfId="0" applyFont="1" applyBorder="1" applyAlignment="1">
      <alignment horizontal="center" vertical="center" wrapText="1"/>
    </xf>
    <xf numFmtId="0" fontId="17" fillId="0" borderId="23" xfId="0" applyFont="1" applyBorder="1" applyAlignment="1">
      <alignment horizontal="center" vertical="center" wrapText="1"/>
    </xf>
    <xf numFmtId="0" fontId="13" fillId="0" borderId="43" xfId="0" applyFont="1" applyBorder="1" applyAlignment="1">
      <alignment horizontal="center" vertical="center" wrapText="1"/>
    </xf>
    <xf numFmtId="0" fontId="13" fillId="0" borderId="47" xfId="0" applyFont="1" applyBorder="1" applyAlignment="1">
      <alignment horizontal="center" vertical="center" wrapText="1"/>
    </xf>
    <xf numFmtId="0" fontId="18" fillId="0" borderId="102" xfId="0" applyFont="1" applyBorder="1" applyAlignment="1">
      <alignment horizontal="center" vertical="center" wrapText="1"/>
    </xf>
    <xf numFmtId="0" fontId="18" fillId="0" borderId="30" xfId="0" applyFont="1" applyBorder="1" applyAlignment="1">
      <alignment horizontal="center" vertical="center" wrapText="1"/>
    </xf>
    <xf numFmtId="0" fontId="17" fillId="0" borderId="54" xfId="0" applyFont="1" applyBorder="1" applyAlignment="1">
      <alignment horizontal="left" vertical="center"/>
    </xf>
    <xf numFmtId="0" fontId="17" fillId="0" borderId="25" xfId="0" applyFont="1" applyBorder="1" applyAlignment="1">
      <alignment horizontal="left" vertical="center"/>
    </xf>
    <xf numFmtId="0" fontId="19" fillId="0" borderId="31" xfId="0" applyFont="1" applyBorder="1" applyAlignment="1">
      <alignment horizontal="distributed"/>
    </xf>
    <xf numFmtId="0" fontId="19" fillId="0" borderId="7" xfId="0" applyFont="1" applyBorder="1" applyAlignment="1">
      <alignment horizontal="distributed"/>
    </xf>
    <xf numFmtId="0" fontId="19" fillId="0" borderId="5" xfId="0" applyFont="1" applyBorder="1" applyAlignment="1">
      <alignment horizontal="distributed"/>
    </xf>
    <xf numFmtId="0" fontId="21" fillId="0" borderId="6" xfId="0" applyFont="1" applyBorder="1" applyAlignment="1">
      <alignment horizontal="center" vertical="center"/>
    </xf>
    <xf numFmtId="0" fontId="21" fillId="0" borderId="2" xfId="0" applyFont="1" applyBorder="1" applyAlignment="1">
      <alignment horizontal="center" vertical="center"/>
    </xf>
    <xf numFmtId="0" fontId="21" fillId="0" borderId="3" xfId="0" applyFont="1" applyBorder="1" applyAlignment="1">
      <alignment horizontal="center" vertical="center"/>
    </xf>
    <xf numFmtId="0" fontId="19" fillId="0" borderId="32" xfId="0" applyFont="1" applyBorder="1" applyAlignment="1">
      <alignment horizontal="distributed"/>
    </xf>
    <xf numFmtId="0" fontId="19" fillId="0" borderId="0" xfId="0" applyFont="1" applyAlignment="1">
      <alignment horizontal="distributed"/>
    </xf>
    <xf numFmtId="0" fontId="19" fillId="0" borderId="11" xfId="0" applyFont="1" applyBorder="1" applyAlignment="1">
      <alignment horizontal="distributed"/>
    </xf>
    <xf numFmtId="0" fontId="17" fillId="0" borderId="0" xfId="0" applyFont="1" applyBorder="1" applyAlignment="1">
      <alignment horizontal="left" wrapText="1"/>
    </xf>
    <xf numFmtId="0" fontId="0" fillId="0" borderId="0" xfId="0" applyBorder="1" applyAlignment="1">
      <alignment horizontal="left" wrapText="1"/>
    </xf>
    <xf numFmtId="0" fontId="17" fillId="0" borderId="105" xfId="0" applyFont="1" applyBorder="1" applyAlignment="1">
      <alignment horizontal="distributed" vertical="center"/>
    </xf>
    <xf numFmtId="0" fontId="17" fillId="0" borderId="20" xfId="0" applyFont="1" applyBorder="1" applyAlignment="1">
      <alignment horizontal="distributed" vertical="center"/>
    </xf>
    <xf numFmtId="0" fontId="17" fillId="0" borderId="106" xfId="0" applyFont="1" applyBorder="1" applyAlignment="1">
      <alignment horizontal="distributed" vertical="center"/>
    </xf>
    <xf numFmtId="0" fontId="16" fillId="0" borderId="107" xfId="0" applyFont="1" applyBorder="1" applyAlignment="1">
      <alignment horizontal="center" vertical="center"/>
    </xf>
    <xf numFmtId="0" fontId="16" fillId="0" borderId="56" xfId="0" applyFont="1" applyBorder="1" applyAlignment="1">
      <alignment horizontal="center" vertical="center"/>
    </xf>
    <xf numFmtId="0" fontId="16" fillId="0" borderId="57" xfId="0" applyFont="1" applyBorder="1" applyAlignment="1">
      <alignment horizontal="center" vertical="center"/>
    </xf>
    <xf numFmtId="0" fontId="19" fillId="0" borderId="53" xfId="0" applyFont="1" applyBorder="1" applyAlignment="1">
      <alignment horizontal="distributed" vertical="center"/>
    </xf>
    <xf numFmtId="0" fontId="19" fillId="0" borderId="50" xfId="0" applyFont="1" applyBorder="1" applyAlignment="1">
      <alignment horizontal="distributed" vertical="center"/>
    </xf>
    <xf numFmtId="0" fontId="19" fillId="0" borderId="103" xfId="0" applyFont="1" applyBorder="1" applyAlignment="1">
      <alignment horizontal="distributed" vertical="center"/>
    </xf>
    <xf numFmtId="0" fontId="13" fillId="0" borderId="0" xfId="0" applyFont="1" applyBorder="1" applyAlignment="1">
      <alignment horizontal="left" vertical="top" wrapText="1"/>
    </xf>
    <xf numFmtId="0" fontId="13" fillId="0" borderId="0" xfId="0" applyFont="1" applyAlignment="1">
      <alignment horizontal="left" vertical="top" wrapText="1"/>
    </xf>
    <xf numFmtId="0" fontId="13" fillId="0" borderId="0" xfId="0" applyFont="1" applyAlignment="1">
      <alignment vertical="top" wrapText="1"/>
    </xf>
    <xf numFmtId="0" fontId="22" fillId="0" borderId="37" xfId="0" applyFont="1" applyBorder="1" applyAlignment="1">
      <alignment horizontal="distributed" vertical="center"/>
    </xf>
    <xf numFmtId="0" fontId="22" fillId="0" borderId="1" xfId="0" applyFont="1" applyBorder="1" applyAlignment="1">
      <alignment horizontal="distributed" vertical="center"/>
    </xf>
    <xf numFmtId="0" fontId="22" fillId="0" borderId="4" xfId="0" applyFont="1" applyBorder="1" applyAlignment="1">
      <alignment horizontal="distributed" vertical="center"/>
    </xf>
    <xf numFmtId="0" fontId="20" fillId="0" borderId="82" xfId="0" applyFont="1" applyBorder="1" applyAlignment="1">
      <alignment horizontal="center" vertical="center"/>
    </xf>
    <xf numFmtId="0" fontId="20" fillId="0" borderId="50" xfId="0" applyFont="1" applyBorder="1" applyAlignment="1">
      <alignment horizontal="center" vertical="center"/>
    </xf>
    <xf numFmtId="0" fontId="20" fillId="0" borderId="54" xfId="0" applyFont="1" applyBorder="1" applyAlignment="1">
      <alignment horizontal="center" vertical="center"/>
    </xf>
    <xf numFmtId="0" fontId="20" fillId="0" borderId="3" xfId="0" applyFont="1" applyBorder="1" applyAlignment="1">
      <alignment horizontal="center" vertical="center"/>
    </xf>
    <xf numFmtId="0" fontId="20" fillId="0" borderId="1" xfId="0" applyFont="1" applyBorder="1" applyAlignment="1">
      <alignment horizontal="center" vertical="center"/>
    </xf>
    <xf numFmtId="0" fontId="20" fillId="0" borderId="25" xfId="0" applyFont="1" applyBorder="1" applyAlignment="1">
      <alignment horizontal="center" vertical="center"/>
    </xf>
    <xf numFmtId="0" fontId="19" fillId="0" borderId="31" xfId="0" applyFont="1" applyBorder="1" applyAlignment="1">
      <alignment horizontal="distributed" vertical="center"/>
    </xf>
    <xf numFmtId="0" fontId="19" fillId="0" borderId="7" xfId="0" applyFont="1" applyBorder="1" applyAlignment="1">
      <alignment horizontal="distributed" vertical="center"/>
    </xf>
    <xf numFmtId="0" fontId="19" fillId="0" borderId="5" xfId="0" applyFont="1" applyBorder="1" applyAlignment="1">
      <alignment horizontal="distributed" vertical="center"/>
    </xf>
    <xf numFmtId="0" fontId="19" fillId="0" borderId="32" xfId="0" applyFont="1" applyBorder="1" applyAlignment="1">
      <alignment horizontal="distributed" vertical="center"/>
    </xf>
    <xf numFmtId="0" fontId="19" fillId="0" borderId="0" xfId="0" applyFont="1" applyBorder="1" applyAlignment="1">
      <alignment horizontal="distributed" vertical="center"/>
    </xf>
    <xf numFmtId="0" fontId="19" fillId="0" borderId="11" xfId="0" applyFont="1" applyBorder="1" applyAlignment="1">
      <alignment horizontal="distributed" vertical="center"/>
    </xf>
    <xf numFmtId="0" fontId="19" fillId="0" borderId="37" xfId="0" applyFont="1" applyBorder="1" applyAlignment="1">
      <alignment horizontal="distributed" vertical="center"/>
    </xf>
    <xf numFmtId="0" fontId="19" fillId="0" borderId="1" xfId="0" applyFont="1" applyBorder="1" applyAlignment="1">
      <alignment horizontal="distributed" vertical="center"/>
    </xf>
    <xf numFmtId="0" fontId="19" fillId="0" borderId="4" xfId="0" applyFont="1" applyBorder="1" applyAlignment="1">
      <alignment horizontal="distributed" vertical="center"/>
    </xf>
    <xf numFmtId="0" fontId="17" fillId="0" borderId="32" xfId="0" applyFont="1" applyBorder="1" applyAlignment="1">
      <alignment horizontal="distributed" vertical="center"/>
    </xf>
    <xf numFmtId="0" fontId="17" fillId="0" borderId="0" xfId="0" applyFont="1" applyBorder="1" applyAlignment="1">
      <alignment horizontal="distributed" vertical="center"/>
    </xf>
    <xf numFmtId="0" fontId="17" fillId="0" borderId="11" xfId="0" applyFont="1" applyBorder="1" applyAlignment="1">
      <alignment horizontal="distributed" vertical="center"/>
    </xf>
    <xf numFmtId="0" fontId="16" fillId="0" borderId="71" xfId="0" applyFont="1" applyBorder="1" applyAlignment="1">
      <alignment horizontal="center" vertical="center"/>
    </xf>
    <xf numFmtId="0" fontId="16" fillId="0" borderId="72" xfId="0" applyFont="1" applyBorder="1" applyAlignment="1">
      <alignment horizontal="center" vertical="center"/>
    </xf>
    <xf numFmtId="0" fontId="23" fillId="0" borderId="32" xfId="0" applyFont="1" applyBorder="1" applyAlignment="1">
      <alignment horizontal="left" vertical="center"/>
    </xf>
    <xf numFmtId="0" fontId="24" fillId="0" borderId="0" xfId="0" applyFont="1" applyBorder="1" applyAlignment="1">
      <alignment horizontal="left" vertical="center"/>
    </xf>
    <xf numFmtId="0" fontId="0" fillId="0" borderId="32" xfId="0" applyBorder="1" applyAlignment="1">
      <alignment horizontal="left" vertical="center"/>
    </xf>
    <xf numFmtId="0" fontId="0" fillId="0" borderId="0" xfId="0" applyBorder="1" applyAlignment="1">
      <alignment horizontal="left" vertical="center"/>
    </xf>
    <xf numFmtId="0" fontId="19" fillId="0" borderId="104" xfId="0" applyFont="1" applyBorder="1" applyAlignment="1">
      <alignment vertical="center" wrapText="1"/>
    </xf>
    <xf numFmtId="0" fontId="19" fillId="0" borderId="18" xfId="0" applyFont="1" applyBorder="1" applyAlignment="1">
      <alignment vertical="center" wrapText="1"/>
    </xf>
    <xf numFmtId="0" fontId="19" fillId="0" borderId="16" xfId="0" applyFont="1" applyBorder="1" applyAlignment="1">
      <alignment vertical="center" wrapText="1"/>
    </xf>
    <xf numFmtId="0" fontId="15" fillId="0" borderId="0" xfId="0" applyFont="1" applyAlignment="1">
      <alignment horizontal="center"/>
    </xf>
    <xf numFmtId="0" fontId="17" fillId="0" borderId="19" xfId="0" applyFont="1" applyBorder="1" applyAlignment="1">
      <alignment horizontal="distributed" vertical="center"/>
    </xf>
    <xf numFmtId="0" fontId="18" fillId="0" borderId="19" xfId="0" applyFont="1" applyBorder="1" applyAlignment="1"/>
    <xf numFmtId="0" fontId="20" fillId="0" borderId="0" xfId="0" applyFont="1" applyAlignment="1">
      <alignment horizontal="distributed"/>
    </xf>
    <xf numFmtId="0" fontId="4" fillId="0" borderId="0" xfId="0" applyFont="1" applyAlignment="1">
      <alignment horizontal="center"/>
    </xf>
    <xf numFmtId="0" fontId="19" fillId="0" borderId="10" xfId="0" applyFont="1" applyBorder="1" applyAlignment="1">
      <alignment horizontal="left" vertical="center"/>
    </xf>
    <xf numFmtId="0" fontId="19" fillId="0" borderId="16" xfId="0" applyFont="1" applyBorder="1" applyAlignment="1">
      <alignment horizontal="left" vertical="center"/>
    </xf>
    <xf numFmtId="0" fontId="19" fillId="0" borderId="43" xfId="0" applyFont="1" applyBorder="1" applyAlignment="1">
      <alignment horizontal="distributed" vertical="center"/>
    </xf>
    <xf numFmtId="0" fontId="19" fillId="0" borderId="24" xfId="0" applyFont="1" applyBorder="1" applyAlignment="1">
      <alignment horizontal="distributed" vertical="center"/>
    </xf>
    <xf numFmtId="0" fontId="19" fillId="0" borderId="27" xfId="0" applyFont="1" applyBorder="1" applyAlignment="1">
      <alignment horizontal="distributed" vertical="center"/>
    </xf>
    <xf numFmtId="0" fontId="30" fillId="0" borderId="0" xfId="5" applyFont="1" applyAlignment="1">
      <alignment horizontal="center" vertical="center"/>
    </xf>
    <xf numFmtId="0" fontId="21" fillId="0" borderId="6" xfId="0" applyFont="1" applyBorder="1" applyAlignment="1">
      <alignment horizontal="center"/>
    </xf>
    <xf numFmtId="0" fontId="21" fillId="0" borderId="28" xfId="0" applyFont="1" applyBorder="1" applyAlignment="1">
      <alignment horizontal="center"/>
    </xf>
    <xf numFmtId="0" fontId="17" fillId="0" borderId="26" xfId="0" applyFont="1" applyBorder="1" applyAlignment="1">
      <alignment horizontal="left" vertical="center"/>
    </xf>
    <xf numFmtId="0" fontId="17" fillId="0" borderId="30" xfId="0" applyFont="1" applyBorder="1" applyAlignment="1">
      <alignment horizontal="left" vertical="center"/>
    </xf>
    <xf numFmtId="0" fontId="20" fillId="0" borderId="32" xfId="0" applyFont="1" applyBorder="1" applyAlignment="1">
      <alignment horizontal="center"/>
    </xf>
    <xf numFmtId="0" fontId="20" fillId="0" borderId="37" xfId="0" applyFont="1" applyBorder="1" applyAlignment="1">
      <alignment horizontal="center"/>
    </xf>
    <xf numFmtId="0" fontId="20" fillId="0" borderId="11" xfId="0" applyFont="1" applyBorder="1" applyAlignment="1">
      <alignment horizontal="center"/>
    </xf>
    <xf numFmtId="0" fontId="20" fillId="0" borderId="4" xfId="0" applyFont="1" applyBorder="1" applyAlignment="1">
      <alignment horizontal="center"/>
    </xf>
    <xf numFmtId="0" fontId="21" fillId="0" borderId="82" xfId="0" applyFont="1" applyBorder="1" applyAlignment="1">
      <alignment horizontal="center" vertical="center"/>
    </xf>
    <xf numFmtId="0" fontId="21" fillId="0" borderId="50" xfId="0" applyFont="1" applyBorder="1" applyAlignment="1">
      <alignment horizontal="center" vertical="center"/>
    </xf>
    <xf numFmtId="0" fontId="21" fillId="0" borderId="0" xfId="0" applyFont="1" applyBorder="1" applyAlignment="1">
      <alignment horizontal="center" vertical="center"/>
    </xf>
    <xf numFmtId="0" fontId="21" fillId="0" borderId="1" xfId="0" applyFont="1" applyBorder="1" applyAlignment="1">
      <alignment horizontal="center" vertical="center"/>
    </xf>
    <xf numFmtId="0" fontId="17" fillId="0" borderId="23" xfId="0" applyFont="1" applyBorder="1" applyAlignment="1">
      <alignment horizontal="left" vertical="center"/>
    </xf>
    <xf numFmtId="0" fontId="13" fillId="0" borderId="0" xfId="0" applyFont="1" applyBorder="1" applyAlignment="1">
      <alignment horizontal="distributed"/>
    </xf>
    <xf numFmtId="0" fontId="13" fillId="0" borderId="0" xfId="0" applyFont="1" applyAlignment="1">
      <alignment horizontal="distributed"/>
    </xf>
    <xf numFmtId="0" fontId="16" fillId="0" borderId="84" xfId="0" applyFont="1" applyBorder="1" applyAlignment="1">
      <alignment horizontal="center" vertical="center"/>
    </xf>
    <xf numFmtId="0" fontId="16" fillId="0" borderId="65" xfId="0" applyFont="1" applyBorder="1" applyAlignment="1">
      <alignment horizontal="center" vertical="center"/>
    </xf>
    <xf numFmtId="0" fontId="27" fillId="0" borderId="116" xfId="0" applyFont="1" applyBorder="1" applyAlignment="1">
      <alignment horizontal="center" vertical="center"/>
    </xf>
    <xf numFmtId="0" fontId="27" fillId="0" borderId="68" xfId="0" applyFont="1" applyBorder="1" applyAlignment="1">
      <alignment horizontal="center" vertical="center"/>
    </xf>
    <xf numFmtId="0" fontId="27" fillId="0" borderId="19" xfId="0" applyFont="1" applyBorder="1" applyAlignment="1">
      <alignment horizontal="center" vertical="center"/>
    </xf>
    <xf numFmtId="0" fontId="27" fillId="0" borderId="117" xfId="0" applyFont="1" applyBorder="1" applyAlignment="1">
      <alignment horizontal="center" vertical="center"/>
    </xf>
    <xf numFmtId="0" fontId="25" fillId="0" borderId="19" xfId="0" applyFont="1" applyBorder="1" applyAlignment="1">
      <alignment horizontal="center" vertical="center"/>
    </xf>
    <xf numFmtId="0" fontId="25" fillId="0" borderId="117" xfId="0" applyFont="1" applyBorder="1" applyAlignment="1">
      <alignment horizontal="center" vertical="center"/>
    </xf>
    <xf numFmtId="0" fontId="25" fillId="0" borderId="9" xfId="0" applyFont="1" applyBorder="1" applyAlignment="1">
      <alignment horizontal="center" vertical="center"/>
    </xf>
    <xf numFmtId="0" fontId="25" fillId="0" borderId="110" xfId="0" applyFont="1" applyBorder="1" applyAlignment="1">
      <alignment horizontal="center" vertical="center"/>
    </xf>
    <xf numFmtId="0" fontId="11" fillId="0" borderId="118" xfId="0" applyFont="1" applyBorder="1" applyAlignment="1">
      <alignment horizontal="center" vertical="center"/>
    </xf>
    <xf numFmtId="0" fontId="11" fillId="0" borderId="15" xfId="0" applyFont="1" applyBorder="1" applyAlignment="1">
      <alignment horizontal="center" vertical="center"/>
    </xf>
    <xf numFmtId="0" fontId="11" fillId="0" borderId="8" xfId="0" applyFont="1" applyBorder="1" applyAlignment="1">
      <alignment horizontal="center" vertical="center"/>
    </xf>
    <xf numFmtId="0" fontId="83" fillId="0" borderId="0" xfId="0" applyFont="1" applyAlignment="1">
      <alignment horizontal="center" vertical="center"/>
    </xf>
    <xf numFmtId="0" fontId="1" fillId="0" borderId="31" xfId="0" applyFont="1" applyBorder="1" applyAlignment="1">
      <alignment horizontal="center" vertical="center" wrapText="1"/>
    </xf>
    <xf numFmtId="0" fontId="1" fillId="0" borderId="5" xfId="0" applyFont="1" applyBorder="1" applyAlignment="1">
      <alignment horizontal="center" vertical="center"/>
    </xf>
    <xf numFmtId="0" fontId="1" fillId="0" borderId="32" xfId="0" applyFont="1" applyBorder="1" applyAlignment="1">
      <alignment horizontal="center" vertical="center"/>
    </xf>
    <xf numFmtId="0" fontId="1" fillId="0" borderId="11" xfId="0" applyFont="1" applyBorder="1" applyAlignment="1">
      <alignment horizontal="center" vertical="center"/>
    </xf>
    <xf numFmtId="0" fontId="1" fillId="0" borderId="6" xfId="0" applyFont="1" applyBorder="1" applyAlignment="1">
      <alignment horizontal="center" vertical="center" wrapText="1"/>
    </xf>
    <xf numFmtId="0" fontId="1" fillId="0" borderId="5" xfId="0" applyFont="1" applyBorder="1" applyAlignment="1">
      <alignment horizontal="center" vertical="center" wrapText="1"/>
    </xf>
    <xf numFmtId="0" fontId="1" fillId="0" borderId="2" xfId="0" applyFont="1" applyBorder="1" applyAlignment="1">
      <alignment horizontal="center" vertical="center" wrapText="1"/>
    </xf>
    <xf numFmtId="0" fontId="1" fillId="0" borderId="11" xfId="0" applyFont="1" applyBorder="1" applyAlignment="1">
      <alignment horizontal="center" vertical="center" wrapText="1"/>
    </xf>
    <xf numFmtId="0" fontId="37" fillId="0" borderId="20" xfId="0" applyFont="1" applyBorder="1" applyAlignment="1">
      <alignment horizontal="center" vertical="center"/>
    </xf>
    <xf numFmtId="0" fontId="37" fillId="0" borderId="22" xfId="0" applyFont="1" applyBorder="1" applyAlignment="1">
      <alignment horizontal="center" vertical="center"/>
    </xf>
    <xf numFmtId="0" fontId="37" fillId="0" borderId="0" xfId="0" applyFont="1" applyBorder="1" applyAlignment="1">
      <alignment horizontal="center" vertical="center"/>
    </xf>
    <xf numFmtId="0" fontId="37" fillId="0" borderId="23" xfId="0" applyFont="1" applyBorder="1" applyAlignment="1">
      <alignment horizontal="center" vertical="center"/>
    </xf>
    <xf numFmtId="0" fontId="37" fillId="0" borderId="31" xfId="0" applyFont="1" applyBorder="1" applyAlignment="1">
      <alignment horizontal="center" vertical="center" wrapText="1"/>
    </xf>
    <xf numFmtId="0" fontId="37" fillId="0" borderId="7" xfId="0" applyFont="1" applyBorder="1" applyAlignment="1">
      <alignment horizontal="center" vertical="center"/>
    </xf>
    <xf numFmtId="0" fontId="37" fillId="0" borderId="5" xfId="0" applyFont="1" applyBorder="1" applyAlignment="1">
      <alignment horizontal="center" vertical="center"/>
    </xf>
    <xf numFmtId="0" fontId="37" fillId="0" borderId="32" xfId="0" applyFont="1" applyBorder="1" applyAlignment="1">
      <alignment horizontal="center" vertical="center"/>
    </xf>
    <xf numFmtId="0" fontId="37" fillId="0" borderId="11" xfId="0" applyFont="1" applyBorder="1" applyAlignment="1">
      <alignment horizontal="center" vertical="center"/>
    </xf>
    <xf numFmtId="0" fontId="37" fillId="0" borderId="6" xfId="0" applyFont="1" applyBorder="1" applyAlignment="1">
      <alignment horizontal="center" vertical="center" wrapText="1"/>
    </xf>
    <xf numFmtId="0" fontId="37" fillId="0" borderId="2" xfId="0" applyFont="1" applyBorder="1" applyAlignment="1">
      <alignment horizontal="center" vertical="center"/>
    </xf>
    <xf numFmtId="0" fontId="37" fillId="0" borderId="6" xfId="0" applyFont="1" applyBorder="1" applyAlignment="1">
      <alignment horizontal="center" vertical="center"/>
    </xf>
    <xf numFmtId="0" fontId="37" fillId="0" borderId="26" xfId="0" applyFont="1" applyBorder="1" applyAlignment="1">
      <alignment horizontal="center" vertical="center"/>
    </xf>
    <xf numFmtId="0" fontId="33" fillId="0" borderId="17" xfId="0" applyFont="1" applyBorder="1" applyAlignment="1">
      <alignment horizontal="center" vertical="center"/>
    </xf>
    <xf numFmtId="0" fontId="28" fillId="0" borderId="5" xfId="0" applyFont="1" applyBorder="1" applyAlignment="1">
      <alignment horizontal="center" vertical="center"/>
    </xf>
    <xf numFmtId="0" fontId="28" fillId="0" borderId="52" xfId="0" applyFont="1" applyBorder="1" applyAlignment="1">
      <alignment horizontal="center" vertical="center"/>
    </xf>
    <xf numFmtId="0" fontId="28" fillId="0" borderId="11" xfId="0" applyFont="1" applyBorder="1" applyAlignment="1">
      <alignment horizontal="center" vertical="center"/>
    </xf>
    <xf numFmtId="0" fontId="28" fillId="0" borderId="102" xfId="0" applyFont="1" applyBorder="1" applyAlignment="1">
      <alignment horizontal="center" vertical="center"/>
    </xf>
    <xf numFmtId="0" fontId="28" fillId="0" borderId="27" xfId="0" applyFont="1" applyBorder="1" applyAlignment="1">
      <alignment horizontal="center" vertical="center"/>
    </xf>
    <xf numFmtId="0" fontId="25" fillId="0" borderId="31" xfId="0" applyFont="1" applyBorder="1" applyAlignment="1">
      <alignment horizontal="right" vertical="center"/>
    </xf>
    <xf numFmtId="0" fontId="25" fillId="0" borderId="7" xfId="0" applyFont="1" applyBorder="1" applyAlignment="1">
      <alignment horizontal="right" vertical="center"/>
    </xf>
    <xf numFmtId="0" fontId="25" fillId="0" borderId="5" xfId="0" applyFont="1" applyBorder="1" applyAlignment="1">
      <alignment horizontal="right" vertical="center"/>
    </xf>
    <xf numFmtId="0" fontId="25" fillId="0" borderId="32" xfId="0" applyFont="1" applyBorder="1" applyAlignment="1">
      <alignment horizontal="right" vertical="center"/>
    </xf>
    <xf numFmtId="0" fontId="25" fillId="0" borderId="0" xfId="0" applyFont="1" applyBorder="1" applyAlignment="1">
      <alignment horizontal="right" vertical="center"/>
    </xf>
    <xf numFmtId="0" fontId="25" fillId="0" borderId="11" xfId="0" applyFont="1" applyBorder="1" applyAlignment="1">
      <alignment horizontal="right" vertical="center"/>
    </xf>
    <xf numFmtId="0" fontId="25" fillId="0" borderId="37" xfId="0" applyFont="1" applyBorder="1" applyAlignment="1">
      <alignment horizontal="right" vertical="center"/>
    </xf>
    <xf numFmtId="0" fontId="25" fillId="0" borderId="1" xfId="0" applyFont="1" applyBorder="1" applyAlignment="1">
      <alignment horizontal="right" vertical="center"/>
    </xf>
    <xf numFmtId="0" fontId="25" fillId="0" borderId="4" xfId="0" applyFont="1" applyBorder="1" applyAlignment="1">
      <alignment horizontal="right" vertical="center"/>
    </xf>
    <xf numFmtId="0" fontId="25" fillId="0" borderId="43" xfId="0" applyFont="1" applyBorder="1" applyAlignment="1">
      <alignment horizontal="right" vertical="center"/>
    </xf>
    <xf numFmtId="0" fontId="25" fillId="0" borderId="24" xfId="0" applyFont="1" applyBorder="1" applyAlignment="1">
      <alignment horizontal="right" vertical="center"/>
    </xf>
    <xf numFmtId="0" fontId="25" fillId="0" borderId="27" xfId="0" applyFont="1" applyBorder="1" applyAlignment="1">
      <alignment horizontal="right" vertical="center"/>
    </xf>
    <xf numFmtId="0" fontId="25" fillId="0" borderId="105" xfId="0" applyFont="1" applyBorder="1" applyAlignment="1">
      <alignment horizontal="right" vertical="center"/>
    </xf>
    <xf numFmtId="0" fontId="25" fillId="0" borderId="20" xfId="0" applyFont="1" applyBorder="1" applyAlignment="1">
      <alignment horizontal="right" vertical="center"/>
    </xf>
    <xf numFmtId="0" fontId="25" fillId="0" borderId="106" xfId="0" applyFont="1" applyBorder="1" applyAlignment="1">
      <alignment horizontal="right" vertical="center"/>
    </xf>
    <xf numFmtId="0" fontId="11" fillId="0" borderId="116" xfId="0" applyFont="1" applyBorder="1" applyAlignment="1">
      <alignment horizontal="center" vertical="center"/>
    </xf>
    <xf numFmtId="0" fontId="11" fillId="0" borderId="19" xfId="0" applyFont="1" applyBorder="1" applyAlignment="1">
      <alignment horizontal="center" vertical="center"/>
    </xf>
    <xf numFmtId="0" fontId="5" fillId="0" borderId="19" xfId="0" applyFont="1" applyBorder="1" applyAlignment="1">
      <alignment horizontal="center" vertical="center" wrapText="1"/>
    </xf>
    <xf numFmtId="0" fontId="5" fillId="0" borderId="9" xfId="0" applyFont="1" applyBorder="1" applyAlignment="1">
      <alignment horizontal="center" vertical="center" wrapText="1"/>
    </xf>
    <xf numFmtId="0" fontId="25" fillId="0" borderId="19" xfId="0" applyFont="1" applyBorder="1">
      <alignment vertical="center"/>
    </xf>
    <xf numFmtId="0" fontId="25" fillId="0" borderId="9" xfId="0" applyFont="1" applyBorder="1">
      <alignment vertical="center"/>
    </xf>
    <xf numFmtId="0" fontId="25" fillId="0" borderId="19" xfId="0" applyFont="1" applyBorder="1" applyAlignment="1">
      <alignment horizontal="center" vertical="center" wrapText="1"/>
    </xf>
    <xf numFmtId="0" fontId="25" fillId="0" borderId="31" xfId="0" applyNumberFormat="1" applyFont="1" applyBorder="1" applyAlignment="1">
      <alignment horizontal="center" vertical="center"/>
    </xf>
    <xf numFmtId="0" fontId="25" fillId="0" borderId="32" xfId="0" applyFont="1" applyBorder="1" applyAlignment="1">
      <alignment horizontal="center" vertical="center"/>
    </xf>
    <xf numFmtId="0" fontId="25" fillId="0" borderId="43" xfId="0" applyFont="1" applyBorder="1" applyAlignment="1">
      <alignment horizontal="center" vertical="center"/>
    </xf>
    <xf numFmtId="0" fontId="25" fillId="0" borderId="26" xfId="0" applyNumberFormat="1" applyFont="1" applyBorder="1" applyAlignment="1">
      <alignment horizontal="center" vertical="center"/>
    </xf>
    <xf numFmtId="0" fontId="25" fillId="0" borderId="23" xfId="0" applyFont="1" applyBorder="1" applyAlignment="1">
      <alignment horizontal="center" vertical="center"/>
    </xf>
    <xf numFmtId="0" fontId="25" fillId="0" borderId="30" xfId="0" applyFont="1" applyBorder="1" applyAlignment="1">
      <alignment horizontal="center" vertical="center"/>
    </xf>
    <xf numFmtId="0" fontId="41" fillId="0" borderId="0" xfId="0" applyFont="1" applyBorder="1" applyAlignment="1">
      <alignment horizontal="center" vertical="center"/>
    </xf>
    <xf numFmtId="0" fontId="11" fillId="0" borderId="9" xfId="0" applyFont="1" applyBorder="1" applyAlignment="1">
      <alignment horizontal="center" vertical="center"/>
    </xf>
    <xf numFmtId="0" fontId="1" fillId="0" borderId="21" xfId="0" applyFont="1" applyBorder="1" applyAlignment="1">
      <alignment horizontal="center" vertical="center"/>
    </xf>
    <xf numFmtId="0" fontId="0" fillId="0" borderId="20" xfId="0" applyBorder="1" applyAlignment="1">
      <alignment horizontal="center" vertical="center"/>
    </xf>
    <xf numFmtId="0" fontId="0" fillId="0" borderId="22" xfId="0" applyBorder="1" applyAlignment="1">
      <alignment horizontal="center" vertical="center"/>
    </xf>
    <xf numFmtId="0" fontId="0" fillId="0" borderId="2" xfId="0" applyBorder="1" applyAlignment="1">
      <alignment horizontal="center" vertical="center"/>
    </xf>
    <xf numFmtId="0" fontId="0" fillId="0" borderId="0" xfId="0" applyBorder="1" applyAlignment="1">
      <alignment horizontal="center" vertical="center"/>
    </xf>
    <xf numFmtId="0" fontId="0" fillId="0" borderId="23" xfId="0" applyBorder="1" applyAlignment="1">
      <alignment horizontal="center" vertical="center"/>
    </xf>
    <xf numFmtId="0" fontId="49" fillId="0" borderId="17" xfId="0" applyFont="1" applyBorder="1" applyAlignment="1">
      <alignment horizontal="center" vertical="center"/>
    </xf>
    <xf numFmtId="0" fontId="49" fillId="0" borderId="52" xfId="0" applyFont="1" applyBorder="1" applyAlignment="1">
      <alignment horizontal="center" vertical="center"/>
    </xf>
    <xf numFmtId="0" fontId="49" fillId="0" borderId="102" xfId="0" applyFont="1" applyBorder="1" applyAlignment="1">
      <alignment horizontal="center" vertical="center"/>
    </xf>
    <xf numFmtId="0" fontId="1" fillId="0" borderId="0" xfId="0" applyFont="1" applyBorder="1" applyAlignment="1">
      <alignment horizontal="center" vertical="center"/>
    </xf>
    <xf numFmtId="0" fontId="1" fillId="0" borderId="105" xfId="0" applyFont="1" applyBorder="1" applyAlignment="1">
      <alignment horizontal="center" vertical="center" textRotation="255"/>
    </xf>
    <xf numFmtId="0" fontId="0" fillId="0" borderId="106" xfId="0" applyBorder="1" applyAlignment="1">
      <alignment horizontal="center" vertical="center" textRotation="255"/>
    </xf>
    <xf numFmtId="0" fontId="0" fillId="0" borderId="32" xfId="0" applyBorder="1" applyAlignment="1">
      <alignment horizontal="center" vertical="center" textRotation="255"/>
    </xf>
    <xf numFmtId="0" fontId="0" fillId="0" borderId="11" xfId="0" applyBorder="1" applyAlignment="1">
      <alignment horizontal="center" vertical="center" textRotation="255"/>
    </xf>
    <xf numFmtId="0" fontId="0" fillId="0" borderId="0" xfId="0" applyBorder="1" applyAlignment="1">
      <alignment horizontal="center" vertical="center" textRotation="255"/>
    </xf>
    <xf numFmtId="0" fontId="1" fillId="0" borderId="105" xfId="0" applyFont="1" applyBorder="1" applyAlignment="1">
      <alignment horizontal="center" vertical="center" wrapText="1"/>
    </xf>
    <xf numFmtId="0" fontId="0" fillId="0" borderId="32" xfId="0" applyBorder="1" applyAlignment="1">
      <alignment horizontal="center" vertical="center"/>
    </xf>
    <xf numFmtId="0" fontId="1" fillId="0" borderId="6" xfId="0" applyFont="1" applyBorder="1" applyAlignment="1">
      <alignment horizontal="center" vertical="center" shrinkToFit="1"/>
    </xf>
    <xf numFmtId="0" fontId="1" fillId="0" borderId="7" xfId="0" applyFont="1" applyBorder="1" applyAlignment="1">
      <alignment horizontal="center" vertical="center" shrinkToFit="1"/>
    </xf>
    <xf numFmtId="0" fontId="1" fillId="0" borderId="5" xfId="0" applyFont="1" applyBorder="1" applyAlignment="1">
      <alignment horizontal="center" vertical="center" shrinkToFit="1"/>
    </xf>
    <xf numFmtId="0" fontId="1" fillId="0" borderId="3" xfId="0" applyFont="1" applyBorder="1" applyAlignment="1">
      <alignment horizontal="center" vertical="center" shrinkToFit="1"/>
    </xf>
    <xf numFmtId="0" fontId="1" fillId="0" borderId="1" xfId="0" applyFont="1" applyBorder="1" applyAlignment="1">
      <alignment horizontal="center" vertical="center" shrinkToFit="1"/>
    </xf>
    <xf numFmtId="0" fontId="1" fillId="0" borderId="4" xfId="0" applyFont="1" applyBorder="1" applyAlignment="1">
      <alignment horizontal="center" vertical="center" shrinkToFit="1"/>
    </xf>
    <xf numFmtId="57" fontId="72" fillId="0" borderId="2" xfId="0" quotePrefix="1" applyNumberFormat="1" applyFont="1" applyBorder="1" applyAlignment="1">
      <alignment horizontal="center" vertical="center"/>
    </xf>
    <xf numFmtId="0" fontId="72" fillId="0" borderId="0" xfId="0" applyFont="1" applyAlignment="1">
      <alignment horizontal="center" vertical="center"/>
    </xf>
    <xf numFmtId="0" fontId="72" fillId="0" borderId="11" xfId="0" applyFont="1" applyBorder="1" applyAlignment="1">
      <alignment horizontal="center" vertical="center"/>
    </xf>
    <xf numFmtId="0" fontId="72" fillId="0" borderId="2" xfId="0" applyFont="1" applyBorder="1" applyAlignment="1">
      <alignment horizontal="center" vertical="center"/>
    </xf>
    <xf numFmtId="57" fontId="72" fillId="0" borderId="6" xfId="0" applyNumberFormat="1" applyFont="1" applyBorder="1" applyAlignment="1">
      <alignment horizontal="center" vertical="center" shrinkToFit="1"/>
    </xf>
    <xf numFmtId="0" fontId="72" fillId="0" borderId="7" xfId="0" applyFont="1" applyBorder="1" applyAlignment="1">
      <alignment horizontal="center" vertical="center" shrinkToFit="1"/>
    </xf>
    <xf numFmtId="0" fontId="72" fillId="0" borderId="5" xfId="0" applyFont="1" applyBorder="1" applyAlignment="1">
      <alignment horizontal="center" vertical="center" shrinkToFit="1"/>
    </xf>
    <xf numFmtId="0" fontId="72" fillId="0" borderId="2" xfId="0" applyFont="1" applyBorder="1" applyAlignment="1">
      <alignment horizontal="center" vertical="center" shrinkToFit="1"/>
    </xf>
    <xf numFmtId="0" fontId="72" fillId="0" borderId="0" xfId="0" applyFont="1" applyAlignment="1">
      <alignment horizontal="center" vertical="center" shrinkToFit="1"/>
    </xf>
    <xf numFmtId="0" fontId="72" fillId="0" borderId="11" xfId="0" applyFont="1" applyBorder="1" applyAlignment="1">
      <alignment horizontal="center" vertical="center" shrinkToFit="1"/>
    </xf>
    <xf numFmtId="0" fontId="3" fillId="0" borderId="2" xfId="0" applyFont="1" applyBorder="1" applyAlignment="1">
      <alignment horizontal="right" vertical="center"/>
    </xf>
    <xf numFmtId="0" fontId="3" fillId="0" borderId="0" xfId="0" applyFont="1" applyBorder="1" applyAlignment="1">
      <alignment horizontal="right" vertical="center"/>
    </xf>
    <xf numFmtId="0" fontId="3" fillId="0" borderId="11" xfId="0" applyFont="1" applyBorder="1" applyAlignment="1">
      <alignment horizontal="right" vertical="center"/>
    </xf>
    <xf numFmtId="0" fontId="3" fillId="0" borderId="3" xfId="0" applyFont="1" applyBorder="1" applyAlignment="1">
      <alignment horizontal="right" vertical="center"/>
    </xf>
    <xf numFmtId="0" fontId="3" fillId="0" borderId="1" xfId="0" applyFont="1" applyBorder="1" applyAlignment="1">
      <alignment horizontal="right" vertical="center"/>
    </xf>
    <xf numFmtId="0" fontId="3" fillId="0" borderId="4" xfId="0" applyFont="1" applyBorder="1" applyAlignment="1">
      <alignment horizontal="right" vertical="center"/>
    </xf>
    <xf numFmtId="0" fontId="3" fillId="0" borderId="0" xfId="0" applyFont="1" applyAlignment="1">
      <alignment horizontal="center" vertical="center"/>
    </xf>
    <xf numFmtId="0" fontId="37" fillId="0" borderId="31" xfId="0" applyFont="1" applyBorder="1" applyAlignment="1">
      <alignment vertical="center" textRotation="255"/>
    </xf>
    <xf numFmtId="0" fontId="37" fillId="0" borderId="32" xfId="0" applyFont="1" applyBorder="1">
      <alignment vertical="center"/>
    </xf>
    <xf numFmtId="0" fontId="37" fillId="0" borderId="43" xfId="0" applyFont="1" applyBorder="1">
      <alignment vertical="center"/>
    </xf>
    <xf numFmtId="0" fontId="37" fillId="0" borderId="5" xfId="0" applyFont="1" applyBorder="1" applyAlignment="1">
      <alignment vertical="center" textRotation="255"/>
    </xf>
    <xf numFmtId="0" fontId="37" fillId="0" borderId="11" xfId="0" applyFont="1" applyBorder="1">
      <alignment vertical="center"/>
    </xf>
    <xf numFmtId="0" fontId="37" fillId="0" borderId="27" xfId="0" applyFont="1" applyBorder="1">
      <alignment vertical="center"/>
    </xf>
    <xf numFmtId="0" fontId="37" fillId="0" borderId="14" xfId="0" applyFont="1" applyBorder="1" applyAlignment="1">
      <alignment vertical="center" textRotation="255"/>
    </xf>
    <xf numFmtId="0" fontId="37" fillId="0" borderId="35" xfId="0" applyFont="1" applyBorder="1">
      <alignment vertical="center"/>
    </xf>
    <xf numFmtId="0" fontId="37" fillId="0" borderId="38" xfId="0" applyFont="1" applyBorder="1">
      <alignment vertical="center"/>
    </xf>
    <xf numFmtId="0" fontId="25" fillId="0" borderId="105" xfId="0" applyFont="1" applyBorder="1" applyAlignment="1">
      <alignment horizontal="center" vertical="center"/>
    </xf>
    <xf numFmtId="0" fontId="25" fillId="0" borderId="22" xfId="0" applyFont="1" applyBorder="1" applyAlignment="1">
      <alignment horizontal="center" vertical="center"/>
    </xf>
    <xf numFmtId="0" fontId="1" fillId="0" borderId="31" xfId="0" applyFont="1" applyBorder="1" applyAlignment="1">
      <alignment horizontal="center" vertical="center"/>
    </xf>
    <xf numFmtId="0" fontId="1" fillId="0" borderId="6" xfId="0" applyFont="1" applyBorder="1" applyAlignment="1">
      <alignment horizontal="center" vertical="center"/>
    </xf>
    <xf numFmtId="0" fontId="1" fillId="0" borderId="26" xfId="0" applyFont="1" applyBorder="1" applyAlignment="1">
      <alignment horizontal="center" vertical="center"/>
    </xf>
    <xf numFmtId="0" fontId="1" fillId="0" borderId="2" xfId="0" applyFont="1" applyBorder="1" applyAlignment="1">
      <alignment horizontal="center" vertical="center"/>
    </xf>
    <xf numFmtId="0" fontId="1" fillId="0" borderId="23" xfId="0" applyFont="1" applyBorder="1" applyAlignment="1">
      <alignment horizontal="center" vertical="center"/>
    </xf>
    <xf numFmtId="0" fontId="25" fillId="0" borderId="20" xfId="0" applyFont="1" applyBorder="1" applyAlignment="1">
      <alignment horizontal="center" vertical="center"/>
    </xf>
    <xf numFmtId="0" fontId="25" fillId="0" borderId="0" xfId="0" applyFont="1" applyAlignment="1">
      <alignment horizontal="center" vertical="center"/>
    </xf>
    <xf numFmtId="0" fontId="25" fillId="0" borderId="37" xfId="0" applyFont="1" applyBorder="1" applyAlignment="1">
      <alignment horizontal="center" vertical="center"/>
    </xf>
    <xf numFmtId="0" fontId="25" fillId="0" borderId="1" xfId="0" applyFont="1" applyBorder="1" applyAlignment="1">
      <alignment horizontal="center" vertical="center"/>
    </xf>
    <xf numFmtId="0" fontId="25" fillId="0" borderId="25" xfId="0" applyFont="1" applyBorder="1" applyAlignment="1">
      <alignment horizontal="center" vertical="center"/>
    </xf>
    <xf numFmtId="0" fontId="38" fillId="0" borderId="0" xfId="0" applyFont="1" applyAlignment="1">
      <alignment horizontal="left" vertical="center"/>
    </xf>
    <xf numFmtId="0" fontId="4" fillId="0" borderId="0" xfId="0" applyFont="1" applyBorder="1" applyAlignment="1">
      <alignment horizontal="center" vertical="center"/>
    </xf>
    <xf numFmtId="0" fontId="49" fillId="0" borderId="48" xfId="0" applyFont="1" applyBorder="1" applyAlignment="1">
      <alignment horizontal="center" vertical="center"/>
    </xf>
    <xf numFmtId="0" fontId="49" fillId="0" borderId="41" xfId="0" applyFont="1" applyBorder="1" applyAlignment="1">
      <alignment horizontal="center" vertical="center"/>
    </xf>
    <xf numFmtId="0" fontId="49" fillId="0" borderId="49" xfId="0" applyFont="1" applyBorder="1" applyAlignment="1">
      <alignment horizontal="center" vertical="center"/>
    </xf>
    <xf numFmtId="0" fontId="44" fillId="0" borderId="0" xfId="0" applyFont="1" applyBorder="1" applyAlignment="1">
      <alignment horizontal="right" wrapText="1"/>
    </xf>
    <xf numFmtId="0" fontId="4" fillId="0" borderId="0" xfId="0" applyFont="1" applyBorder="1" applyAlignment="1">
      <alignment horizontal="right"/>
    </xf>
    <xf numFmtId="0" fontId="28" fillId="0" borderId="24" xfId="0" applyFont="1" applyBorder="1" applyAlignment="1">
      <alignment horizontal="center" vertical="center"/>
    </xf>
    <xf numFmtId="0" fontId="1" fillId="0" borderId="0" xfId="3" applyFont="1" applyBorder="1" applyAlignment="1">
      <alignment horizontal="center" vertical="center"/>
    </xf>
    <xf numFmtId="0" fontId="3" fillId="0" borderId="0" xfId="3" applyFont="1" applyBorder="1" applyAlignment="1">
      <alignment horizontal="left" vertical="top"/>
    </xf>
    <xf numFmtId="0" fontId="0" fillId="0" borderId="0" xfId="0" applyAlignment="1">
      <alignment vertical="center"/>
    </xf>
    <xf numFmtId="0" fontId="37" fillId="0" borderId="110" xfId="0" applyFont="1" applyBorder="1" applyAlignment="1">
      <alignment horizontal="center" vertical="center"/>
    </xf>
    <xf numFmtId="0" fontId="0" fillId="0" borderId="40" xfId="0" applyBorder="1" applyAlignment="1">
      <alignment horizontal="center" vertical="center"/>
    </xf>
    <xf numFmtId="0" fontId="0" fillId="0" borderId="111" xfId="0" applyBorder="1" applyAlignment="1">
      <alignment horizontal="center" vertical="center"/>
    </xf>
    <xf numFmtId="0" fontId="0" fillId="0" borderId="0" xfId="0" applyBorder="1" applyAlignment="1">
      <alignment horizontal="center" vertical="center" wrapText="1"/>
    </xf>
    <xf numFmtId="0" fontId="47" fillId="0" borderId="48" xfId="0" applyFont="1" applyBorder="1" applyAlignment="1">
      <alignment horizontal="center" vertical="center"/>
    </xf>
    <xf numFmtId="0" fontId="47" fillId="0" borderId="41" xfId="0" applyFont="1" applyBorder="1" applyAlignment="1">
      <alignment horizontal="center" vertical="center"/>
    </xf>
    <xf numFmtId="0" fontId="47" fillId="0" borderId="49" xfId="0" applyFont="1" applyBorder="1" applyAlignment="1">
      <alignment horizontal="center" vertical="center"/>
    </xf>
    <xf numFmtId="0" fontId="47" fillId="0" borderId="12" xfId="0" applyFont="1" applyBorder="1" applyAlignment="1">
      <alignment horizontal="center" vertical="center"/>
    </xf>
    <xf numFmtId="0" fontId="47" fillId="0" borderId="123" xfId="0" applyFont="1" applyBorder="1" applyAlignment="1">
      <alignment horizontal="center" vertical="center"/>
    </xf>
    <xf numFmtId="0" fontId="47" fillId="0" borderId="124" xfId="0" applyFont="1" applyBorder="1" applyAlignment="1">
      <alignment horizontal="center" vertical="center"/>
    </xf>
    <xf numFmtId="0" fontId="44" fillId="0" borderId="0" xfId="0" applyFont="1" applyBorder="1" applyAlignment="1">
      <alignment horizontal="center" vertical="center"/>
    </xf>
    <xf numFmtId="0" fontId="1" fillId="0" borderId="106" xfId="0" applyFont="1" applyBorder="1" applyAlignment="1">
      <alignment horizontal="center" vertical="center"/>
    </xf>
    <xf numFmtId="57" fontId="72" fillId="0" borderId="32" xfId="0" quotePrefix="1" applyNumberFormat="1" applyFont="1" applyBorder="1" applyAlignment="1">
      <alignment horizontal="center" vertical="center"/>
    </xf>
    <xf numFmtId="0" fontId="72" fillId="0" borderId="32" xfId="0" applyFont="1" applyBorder="1" applyAlignment="1">
      <alignment horizontal="center" vertical="center"/>
    </xf>
    <xf numFmtId="57" fontId="72" fillId="0" borderId="31" xfId="0" applyNumberFormat="1" applyFont="1" applyBorder="1" applyAlignment="1">
      <alignment horizontal="center" vertical="center" shrinkToFit="1"/>
    </xf>
    <xf numFmtId="0" fontId="72" fillId="0" borderId="7" xfId="0" applyFont="1" applyBorder="1" applyAlignment="1">
      <alignment horizontal="center" vertical="center"/>
    </xf>
    <xf numFmtId="0" fontId="72" fillId="0" borderId="5" xfId="0" applyFont="1" applyBorder="1" applyAlignment="1">
      <alignment horizontal="center" vertical="center"/>
    </xf>
    <xf numFmtId="0" fontId="33" fillId="0" borderId="52" xfId="0" applyFont="1" applyBorder="1" applyAlignment="1">
      <alignment horizontal="center" vertical="center"/>
    </xf>
    <xf numFmtId="0" fontId="28" fillId="0" borderId="108" xfId="0" applyFont="1" applyBorder="1" applyAlignment="1">
      <alignment horizontal="center" vertical="center"/>
    </xf>
    <xf numFmtId="0" fontId="28" fillId="0" borderId="4" xfId="0" applyFont="1" applyBorder="1" applyAlignment="1">
      <alignment horizontal="center" vertical="center"/>
    </xf>
    <xf numFmtId="0" fontId="3" fillId="0" borderId="32" xfId="0" applyFont="1" applyBorder="1" applyAlignment="1">
      <alignment horizontal="right" vertical="center"/>
    </xf>
    <xf numFmtId="0" fontId="3" fillId="0" borderId="37" xfId="0" applyFont="1" applyBorder="1" applyAlignment="1">
      <alignment horizontal="right" vertical="center"/>
    </xf>
    <xf numFmtId="0" fontId="37" fillId="0" borderId="31" xfId="0" applyFont="1" applyBorder="1" applyAlignment="1">
      <alignment horizontal="center" vertical="center"/>
    </xf>
    <xf numFmtId="0" fontId="37" fillId="0" borderId="37" xfId="0" applyFont="1" applyBorder="1" applyAlignment="1">
      <alignment horizontal="center" vertical="center"/>
    </xf>
    <xf numFmtId="0" fontId="37" fillId="0" borderId="1" xfId="0" applyFont="1" applyBorder="1" applyAlignment="1">
      <alignment horizontal="center" vertical="center"/>
    </xf>
    <xf numFmtId="0" fontId="37" fillId="0" borderId="4" xfId="0" applyFont="1" applyBorder="1" applyAlignment="1">
      <alignment horizontal="center" vertical="center"/>
    </xf>
    <xf numFmtId="0" fontId="11" fillId="0" borderId="29" xfId="0" applyFont="1" applyBorder="1" applyAlignment="1">
      <alignment horizontal="center" vertical="center"/>
    </xf>
    <xf numFmtId="0" fontId="11" fillId="0" borderId="119" xfId="0" applyFont="1" applyBorder="1" applyAlignment="1">
      <alignment horizontal="center" vertical="center"/>
    </xf>
    <xf numFmtId="0" fontId="33" fillId="0" borderId="7" xfId="0" applyFont="1" applyBorder="1" applyAlignment="1">
      <alignment horizontal="center" vertical="center"/>
    </xf>
    <xf numFmtId="0" fontId="33" fillId="0" borderId="26" xfId="0" applyFont="1" applyBorder="1" applyAlignment="1">
      <alignment horizontal="center" vertical="center"/>
    </xf>
    <xf numFmtId="0" fontId="33" fillId="0" borderId="0" xfId="0" applyFont="1" applyBorder="1" applyAlignment="1">
      <alignment horizontal="center" vertical="center"/>
    </xf>
    <xf numFmtId="0" fontId="33" fillId="0" borderId="23" xfId="0" applyFont="1" applyBorder="1" applyAlignment="1">
      <alignment horizontal="center" vertical="center"/>
    </xf>
    <xf numFmtId="0" fontId="33" fillId="0" borderId="24" xfId="0" applyFont="1" applyBorder="1" applyAlignment="1">
      <alignment horizontal="center" vertical="center"/>
    </xf>
    <xf numFmtId="0" fontId="33" fillId="0" borderId="30" xfId="0" applyFont="1" applyBorder="1" applyAlignment="1">
      <alignment horizontal="center" vertical="center"/>
    </xf>
    <xf numFmtId="0" fontId="32" fillId="0" borderId="6" xfId="0" applyFont="1" applyBorder="1" applyAlignment="1">
      <alignment horizontal="center" vertical="center"/>
    </xf>
    <xf numFmtId="0" fontId="32" fillId="0" borderId="2" xfId="0" applyFont="1" applyBorder="1" applyAlignment="1">
      <alignment horizontal="center" vertical="center"/>
    </xf>
    <xf numFmtId="0" fontId="33" fillId="0" borderId="6" xfId="0" applyFont="1" applyBorder="1" applyAlignment="1">
      <alignment horizontal="center" vertical="center"/>
    </xf>
    <xf numFmtId="0" fontId="33" fillId="0" borderId="2" xfId="0" applyFont="1" applyBorder="1" applyAlignment="1">
      <alignment horizontal="center" vertical="center"/>
    </xf>
    <xf numFmtId="0" fontId="33" fillId="0" borderId="5" xfId="0" applyFont="1" applyBorder="1" applyAlignment="1">
      <alignment horizontal="center" vertical="center"/>
    </xf>
    <xf numFmtId="0" fontId="33" fillId="0" borderId="11" xfId="0" applyFont="1" applyBorder="1" applyAlignment="1">
      <alignment horizontal="center" vertical="center"/>
    </xf>
    <xf numFmtId="0" fontId="33" fillId="0" borderId="27" xfId="0" applyFont="1" applyBorder="1" applyAlignment="1">
      <alignment horizontal="center" vertical="center"/>
    </xf>
    <xf numFmtId="0" fontId="33" fillId="0" borderId="1" xfId="0" applyFont="1" applyBorder="1" applyAlignment="1">
      <alignment horizontal="center" vertical="center"/>
    </xf>
    <xf numFmtId="0" fontId="33" fillId="0" borderId="4" xfId="0" applyFont="1" applyBorder="1" applyAlignment="1">
      <alignment horizontal="center" vertical="center"/>
    </xf>
    <xf numFmtId="0" fontId="33" fillId="0" borderId="25" xfId="0" applyFont="1" applyBorder="1" applyAlignment="1">
      <alignment horizontal="center" vertical="center"/>
    </xf>
    <xf numFmtId="0" fontId="6" fillId="0" borderId="6" xfId="0" applyFont="1" applyBorder="1">
      <alignment vertical="center"/>
    </xf>
    <xf numFmtId="0" fontId="6" fillId="0" borderId="2" xfId="0" applyFont="1" applyBorder="1">
      <alignment vertical="center"/>
    </xf>
    <xf numFmtId="0" fontId="3" fillId="0" borderId="6" xfId="0" applyFont="1" applyBorder="1" applyAlignment="1">
      <alignment horizontal="center" vertical="center" shrinkToFit="1"/>
    </xf>
    <xf numFmtId="0" fontId="3" fillId="0" borderId="7" xfId="0" applyFont="1" applyBorder="1" applyAlignment="1">
      <alignment horizontal="center" vertical="center" shrinkToFit="1"/>
    </xf>
    <xf numFmtId="0" fontId="3" fillId="0" borderId="5"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1" xfId="0" applyFont="1" applyBorder="1" applyAlignment="1">
      <alignment horizontal="center" vertical="center" shrinkToFit="1"/>
    </xf>
    <xf numFmtId="0" fontId="3" fillId="0" borderId="4" xfId="0" applyFont="1" applyBorder="1" applyAlignment="1">
      <alignment horizontal="center" vertical="center" shrinkToFit="1"/>
    </xf>
    <xf numFmtId="0" fontId="1" fillId="0" borderId="19" xfId="0" applyFont="1" applyBorder="1" applyAlignment="1">
      <alignment horizontal="center" vertical="center" wrapText="1"/>
    </xf>
    <xf numFmtId="0" fontId="1" fillId="0" borderId="9" xfId="0" applyFont="1" applyBorder="1" applyAlignment="1">
      <alignment horizontal="center" vertical="center" wrapText="1"/>
    </xf>
    <xf numFmtId="0" fontId="25" fillId="0" borderId="106" xfId="0" applyFont="1" applyBorder="1" applyAlignment="1">
      <alignment horizontal="center" vertical="center"/>
    </xf>
    <xf numFmtId="0" fontId="25" fillId="0" borderId="0" xfId="0" applyFont="1" applyBorder="1" applyAlignment="1">
      <alignment horizontal="center" vertical="center"/>
    </xf>
    <xf numFmtId="0" fontId="25" fillId="0" borderId="11" xfId="0" applyFont="1" applyBorder="1" applyAlignment="1">
      <alignment horizontal="center" vertical="center"/>
    </xf>
    <xf numFmtId="0" fontId="25" fillId="0" borderId="24" xfId="0" applyFont="1" applyBorder="1" applyAlignment="1">
      <alignment horizontal="center" vertical="center"/>
    </xf>
    <xf numFmtId="0" fontId="25" fillId="0" borderId="27" xfId="0" applyFont="1" applyBorder="1" applyAlignment="1">
      <alignment horizontal="center" vertical="center"/>
    </xf>
    <xf numFmtId="0" fontId="25" fillId="0" borderId="8" xfId="0" applyFont="1" applyBorder="1" applyAlignment="1">
      <alignment horizontal="center" vertical="center"/>
    </xf>
    <xf numFmtId="0" fontId="25" fillId="0" borderId="119" xfId="0" applyFont="1" applyBorder="1" applyAlignment="1">
      <alignment horizontal="center" vertical="center"/>
    </xf>
    <xf numFmtId="0" fontId="2" fillId="0" borderId="6" xfId="0" applyFont="1" applyBorder="1" applyAlignment="1">
      <alignment vertical="center" textRotation="255"/>
    </xf>
    <xf numFmtId="0" fontId="2" fillId="0" borderId="5" xfId="0" applyFont="1" applyBorder="1" applyAlignment="1">
      <alignment vertical="center" textRotation="255"/>
    </xf>
    <xf numFmtId="0" fontId="2" fillId="0" borderId="2" xfId="0" applyFont="1" applyBorder="1" applyAlignment="1">
      <alignment vertical="center" textRotation="255"/>
    </xf>
    <xf numFmtId="0" fontId="2" fillId="0" borderId="11" xfId="0" applyFont="1" applyBorder="1" applyAlignment="1">
      <alignment vertical="center" textRotation="255"/>
    </xf>
    <xf numFmtId="0" fontId="2" fillId="0" borderId="28" xfId="0" applyFont="1" applyBorder="1" applyAlignment="1">
      <alignment vertical="center" textRotation="255"/>
    </xf>
    <xf numFmtId="0" fontId="2" fillId="0" borderId="27" xfId="0" applyFont="1" applyBorder="1" applyAlignment="1">
      <alignment vertical="center" textRotation="255"/>
    </xf>
    <xf numFmtId="0" fontId="25" fillId="0" borderId="120" xfId="0" applyFont="1" applyBorder="1" applyAlignment="1">
      <alignment horizontal="center" vertical="center"/>
    </xf>
    <xf numFmtId="0" fontId="25" fillId="0" borderId="116" xfId="0" applyFont="1" applyBorder="1" applyAlignment="1">
      <alignment horizontal="center" vertical="center"/>
    </xf>
    <xf numFmtId="0" fontId="25" fillId="0" borderId="121" xfId="0" applyFont="1" applyBorder="1" applyAlignment="1">
      <alignment horizontal="center" vertical="center"/>
    </xf>
    <xf numFmtId="0" fontId="25" fillId="0" borderId="113" xfId="0" applyFont="1" applyBorder="1" applyAlignment="1">
      <alignment horizontal="center" vertical="center"/>
    </xf>
    <xf numFmtId="0" fontId="11" fillId="0" borderId="0" xfId="0" applyFont="1" applyAlignment="1">
      <alignment vertical="center"/>
    </xf>
    <xf numFmtId="0" fontId="39" fillId="0" borderId="31" xfId="0" applyFont="1" applyBorder="1" applyAlignment="1">
      <alignment horizontal="center" vertical="center"/>
    </xf>
    <xf numFmtId="0" fontId="39" fillId="0" borderId="32" xfId="0" applyFont="1" applyBorder="1" applyAlignment="1">
      <alignment horizontal="center" vertical="center"/>
    </xf>
    <xf numFmtId="0" fontId="39" fillId="0" borderId="37" xfId="0" applyFont="1" applyBorder="1" applyAlignment="1">
      <alignment horizontal="center" vertical="center"/>
    </xf>
    <xf numFmtId="0" fontId="39" fillId="0" borderId="5" xfId="0" applyFont="1" applyBorder="1" applyAlignment="1">
      <alignment horizontal="center" vertical="center"/>
    </xf>
    <xf numFmtId="0" fontId="39" fillId="0" borderId="11" xfId="0" applyFont="1" applyBorder="1" applyAlignment="1">
      <alignment horizontal="center" vertical="center"/>
    </xf>
    <xf numFmtId="0" fontId="39" fillId="0" borderId="4" xfId="0" applyFont="1" applyBorder="1" applyAlignment="1">
      <alignment horizontal="center" vertical="center"/>
    </xf>
    <xf numFmtId="0" fontId="0" fillId="0" borderId="112" xfId="0" applyBorder="1" applyAlignment="1">
      <alignment horizontal="center" vertical="center"/>
    </xf>
    <xf numFmtId="0" fontId="39" fillId="0" borderId="43" xfId="0" applyFont="1" applyBorder="1" applyAlignment="1">
      <alignment horizontal="center" vertical="center"/>
    </xf>
    <xf numFmtId="0" fontId="39" fillId="0" borderId="27" xfId="0" applyFont="1" applyBorder="1" applyAlignment="1">
      <alignment horizontal="center" vertical="center"/>
    </xf>
    <xf numFmtId="0" fontId="37" fillId="0" borderId="3" xfId="0" applyFont="1" applyBorder="1" applyAlignment="1">
      <alignment horizontal="center" vertical="center"/>
    </xf>
    <xf numFmtId="0" fontId="37" fillId="0" borderId="25" xfId="0" applyFont="1" applyBorder="1" applyAlignment="1">
      <alignment horizontal="center" vertical="center"/>
    </xf>
    <xf numFmtId="0" fontId="37" fillId="0" borderId="113" xfId="0" applyFont="1" applyBorder="1" applyAlignment="1">
      <alignment horizontal="center" vertical="center" textRotation="255"/>
    </xf>
    <xf numFmtId="0" fontId="37" fillId="0" borderId="114" xfId="0" applyFont="1" applyBorder="1" applyAlignment="1">
      <alignment horizontal="center" vertical="center" textRotation="255"/>
    </xf>
    <xf numFmtId="0" fontId="37" fillId="0" borderId="115" xfId="0" applyFont="1" applyBorder="1" applyAlignment="1">
      <alignment horizontal="center" vertical="center" textRotation="255"/>
    </xf>
    <xf numFmtId="0" fontId="37" fillId="0" borderId="109" xfId="0" applyFont="1" applyBorder="1" applyAlignment="1">
      <alignment horizontal="center" vertical="center" textRotation="255"/>
    </xf>
    <xf numFmtId="0" fontId="37" fillId="0" borderId="40" xfId="0" applyFont="1" applyBorder="1" applyAlignment="1">
      <alignment horizontal="center" vertical="center" textRotation="255"/>
    </xf>
    <xf numFmtId="0" fontId="37" fillId="0" borderId="113" xfId="0" applyFont="1" applyBorder="1" applyAlignment="1">
      <alignment horizontal="center" vertical="center"/>
    </xf>
    <xf numFmtId="0" fontId="0" fillId="0" borderId="114" xfId="0" applyBorder="1" applyAlignment="1">
      <alignment horizontal="center" vertical="center"/>
    </xf>
    <xf numFmtId="0" fontId="0" fillId="0" borderId="115" xfId="0" applyBorder="1" applyAlignment="1">
      <alignment horizontal="center" vertical="center"/>
    </xf>
    <xf numFmtId="0" fontId="28" fillId="0" borderId="23" xfId="0" applyFont="1" applyBorder="1" applyAlignment="1">
      <alignment horizontal="center" vertical="center"/>
    </xf>
    <xf numFmtId="0" fontId="28" fillId="0" borderId="25" xfId="0" applyFont="1" applyBorder="1" applyAlignment="1">
      <alignment horizontal="center" vertical="center"/>
    </xf>
    <xf numFmtId="0" fontId="0" fillId="0" borderId="122" xfId="0" applyBorder="1" applyAlignment="1">
      <alignment horizontal="center" vertical="center"/>
    </xf>
    <xf numFmtId="0" fontId="28" fillId="0" borderId="26" xfId="0" applyFont="1" applyBorder="1" applyAlignment="1">
      <alignment horizontal="center" vertical="center"/>
    </xf>
    <xf numFmtId="0" fontId="28" fillId="0" borderId="30" xfId="0" applyFont="1" applyBorder="1" applyAlignment="1">
      <alignment horizontal="center" vertical="center"/>
    </xf>
    <xf numFmtId="0" fontId="0" fillId="0" borderId="0" xfId="0" applyBorder="1" applyAlignment="1">
      <alignment horizontal="center" vertical="center" textRotation="255" wrapText="1"/>
    </xf>
    <xf numFmtId="0" fontId="3" fillId="0" borderId="55" xfId="0" applyFont="1" applyFill="1" applyBorder="1" applyAlignment="1">
      <alignment horizontal="center" vertical="center"/>
    </xf>
    <xf numFmtId="0" fontId="0" fillId="0" borderId="56" xfId="0" applyBorder="1" applyAlignment="1">
      <alignment horizontal="center" vertical="center"/>
    </xf>
    <xf numFmtId="0" fontId="0" fillId="0" borderId="57" xfId="0" applyBorder="1" applyAlignment="1">
      <alignment horizontal="center" vertical="center"/>
    </xf>
    <xf numFmtId="0" fontId="76" fillId="0" borderId="9" xfId="0" applyFont="1" applyFill="1" applyBorder="1" applyAlignment="1">
      <alignment horizontal="center" vertical="center"/>
    </xf>
    <xf numFmtId="0" fontId="3" fillId="0" borderId="127" xfId="1" applyFont="1" applyFill="1" applyBorder="1" applyAlignment="1">
      <alignment horizontal="center" vertical="center"/>
    </xf>
    <xf numFmtId="0" fontId="3" fillId="0" borderId="128" xfId="1" applyFont="1" applyFill="1" applyBorder="1" applyAlignment="1">
      <alignment horizontal="center" vertical="center"/>
    </xf>
    <xf numFmtId="0" fontId="3" fillId="0" borderId="129" xfId="1" applyFont="1" applyFill="1" applyBorder="1" applyAlignment="1">
      <alignment horizontal="center" vertical="center"/>
    </xf>
    <xf numFmtId="0" fontId="76" fillId="0" borderId="204" xfId="0" applyFont="1" applyFill="1" applyBorder="1" applyAlignment="1">
      <alignment horizontal="center" vertical="center"/>
    </xf>
    <xf numFmtId="0" fontId="76" fillId="0" borderId="205" xfId="0" applyFont="1" applyFill="1" applyBorder="1" applyAlignment="1">
      <alignment horizontal="center" vertical="center"/>
    </xf>
    <xf numFmtId="0" fontId="76" fillId="0" borderId="207" xfId="0" applyFont="1" applyFill="1" applyBorder="1" applyAlignment="1">
      <alignment horizontal="center" vertical="center"/>
    </xf>
    <xf numFmtId="0" fontId="76" fillId="0" borderId="70" xfId="0" applyFont="1" applyFill="1" applyBorder="1" applyAlignment="1">
      <alignment horizontal="center" vertical="center"/>
    </xf>
    <xf numFmtId="0" fontId="76" fillId="0" borderId="67" xfId="0" applyFont="1" applyFill="1" applyBorder="1" applyAlignment="1">
      <alignment horizontal="center" vertical="center"/>
    </xf>
    <xf numFmtId="0" fontId="76" fillId="0" borderId="61" xfId="0" applyFont="1" applyFill="1" applyBorder="1" applyAlignment="1">
      <alignment horizontal="center" vertical="center"/>
    </xf>
    <xf numFmtId="0" fontId="3" fillId="0" borderId="56"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78" xfId="0" applyFont="1" applyFill="1" applyBorder="1" applyAlignment="1">
      <alignment horizontal="center" vertical="center"/>
    </xf>
    <xf numFmtId="0" fontId="3" fillId="0" borderId="79" xfId="0" applyFont="1" applyFill="1" applyBorder="1" applyAlignment="1">
      <alignment horizontal="center" vertical="center"/>
    </xf>
    <xf numFmtId="0" fontId="3" fillId="0" borderId="80" xfId="0" applyFont="1" applyFill="1" applyBorder="1" applyAlignment="1">
      <alignment horizontal="center" vertical="center"/>
    </xf>
    <xf numFmtId="0" fontId="3" fillId="0" borderId="58"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60" xfId="0" applyFont="1" applyFill="1" applyBorder="1" applyAlignment="1">
      <alignment horizontal="center" vertical="center"/>
    </xf>
    <xf numFmtId="0" fontId="3" fillId="0" borderId="204" xfId="0" applyNumberFormat="1" applyFont="1" applyFill="1" applyBorder="1" applyAlignment="1">
      <alignment horizontal="center" vertical="center"/>
    </xf>
    <xf numFmtId="0" fontId="3" fillId="0" borderId="205" xfId="0" applyNumberFormat="1" applyFont="1" applyFill="1" applyBorder="1" applyAlignment="1">
      <alignment horizontal="center" vertical="center"/>
    </xf>
    <xf numFmtId="0" fontId="3" fillId="0" borderId="206" xfId="0" applyNumberFormat="1" applyFont="1" applyFill="1" applyBorder="1" applyAlignment="1">
      <alignment horizontal="center" vertical="center"/>
    </xf>
    <xf numFmtId="0" fontId="3" fillId="0" borderId="128" xfId="0" applyNumberFormat="1" applyFont="1" applyFill="1" applyBorder="1" applyAlignment="1">
      <alignment horizontal="center" vertical="center"/>
    </xf>
    <xf numFmtId="0" fontId="72" fillId="0" borderId="70" xfId="0" applyNumberFormat="1" applyFont="1" applyFill="1" applyBorder="1" applyAlignment="1">
      <alignment horizontal="center" vertical="center"/>
    </xf>
    <xf numFmtId="0" fontId="72" fillId="0" borderId="67" xfId="0" applyNumberFormat="1" applyFont="1" applyFill="1" applyBorder="1" applyAlignment="1">
      <alignment horizontal="center" vertical="center"/>
    </xf>
    <xf numFmtId="0" fontId="34" fillId="0" borderId="0" xfId="1" applyFont="1" applyAlignment="1">
      <alignment horizontal="center" vertical="center"/>
    </xf>
    <xf numFmtId="0" fontId="5" fillId="0" borderId="105" xfId="1" applyFont="1" applyBorder="1" applyAlignment="1">
      <alignment horizontal="center" vertical="center" textRotation="255"/>
    </xf>
    <xf numFmtId="0" fontId="5" fillId="0" borderId="106" xfId="1" applyFont="1" applyBorder="1" applyAlignment="1">
      <alignment horizontal="center" vertical="center" textRotation="255"/>
    </xf>
    <xf numFmtId="0" fontId="5" fillId="0" borderId="32" xfId="1" applyFont="1" applyBorder="1" applyAlignment="1">
      <alignment horizontal="center" vertical="center" textRotation="255"/>
    </xf>
    <xf numFmtId="0" fontId="5" fillId="0" borderId="11" xfId="1" applyFont="1" applyBorder="1" applyAlignment="1">
      <alignment horizontal="center" vertical="center" textRotation="255"/>
    </xf>
    <xf numFmtId="0" fontId="3" fillId="0" borderId="21" xfId="1" applyFont="1" applyBorder="1" applyAlignment="1">
      <alignment horizontal="center" vertical="center"/>
    </xf>
    <xf numFmtId="0" fontId="3" fillId="0" borderId="20" xfId="1" applyFont="1" applyBorder="1" applyAlignment="1">
      <alignment horizontal="center" vertical="center"/>
    </xf>
    <xf numFmtId="0" fontId="3" fillId="0" borderId="2" xfId="1" applyFont="1" applyBorder="1" applyAlignment="1">
      <alignment horizontal="center" vertical="center"/>
    </xf>
    <xf numFmtId="0" fontId="3" fillId="0" borderId="0" xfId="1" applyFont="1" applyBorder="1" applyAlignment="1">
      <alignment horizontal="center" vertical="center"/>
    </xf>
    <xf numFmtId="0" fontId="3" fillId="0" borderId="32" xfId="1" applyFont="1" applyFill="1" applyBorder="1" applyAlignment="1">
      <alignment horizontal="center" vertical="center" wrapText="1"/>
    </xf>
    <xf numFmtId="0" fontId="13" fillId="0" borderId="0" xfId="1" applyBorder="1" applyAlignment="1">
      <alignment horizontal="center" vertical="center" wrapText="1"/>
    </xf>
    <xf numFmtId="0" fontId="3" fillId="0" borderId="105" xfId="1" applyFont="1" applyBorder="1" applyAlignment="1">
      <alignment horizontal="center" vertical="center" textRotation="255"/>
    </xf>
    <xf numFmtId="0" fontId="3" fillId="0" borderId="22" xfId="1" applyFont="1" applyBorder="1" applyAlignment="1">
      <alignment horizontal="center" vertical="center" textRotation="255"/>
    </xf>
    <xf numFmtId="0" fontId="3" fillId="0" borderId="32" xfId="1" applyFont="1" applyBorder="1" applyAlignment="1">
      <alignment horizontal="center" vertical="center" textRotation="255"/>
    </xf>
    <xf numFmtId="0" fontId="3" fillId="0" borderId="23" xfId="1" applyFont="1" applyBorder="1" applyAlignment="1">
      <alignment horizontal="center" vertical="center" textRotation="255"/>
    </xf>
    <xf numFmtId="0" fontId="3" fillId="0" borderId="43" xfId="1" applyFont="1" applyBorder="1" applyAlignment="1">
      <alignment horizontal="center" vertical="center" textRotation="255"/>
    </xf>
    <xf numFmtId="0" fontId="3" fillId="0" borderId="30" xfId="1" applyFont="1" applyBorder="1" applyAlignment="1">
      <alignment horizontal="center" vertical="center" textRotation="255"/>
    </xf>
    <xf numFmtId="0" fontId="3" fillId="0" borderId="105" xfId="1" applyFont="1" applyBorder="1" applyAlignment="1">
      <alignment horizontal="center" vertical="center"/>
    </xf>
    <xf numFmtId="0" fontId="3" fillId="0" borderId="106" xfId="1" applyFont="1" applyBorder="1" applyAlignment="1">
      <alignment horizontal="center" vertical="center"/>
    </xf>
    <xf numFmtId="0" fontId="3" fillId="0" borderId="32" xfId="1" applyFont="1" applyBorder="1" applyAlignment="1">
      <alignment horizontal="center" vertical="center"/>
    </xf>
    <xf numFmtId="0" fontId="3" fillId="0" borderId="11" xfId="1" applyFont="1" applyBorder="1" applyAlignment="1">
      <alignment horizontal="center" vertical="center"/>
    </xf>
    <xf numFmtId="0" fontId="3" fillId="0" borderId="125" xfId="1" applyFont="1" applyBorder="1" applyAlignment="1">
      <alignment horizontal="center" vertical="center"/>
    </xf>
    <xf numFmtId="0" fontId="3" fillId="0" borderId="65" xfId="1" applyFont="1" applyBorder="1" applyAlignment="1">
      <alignment horizontal="center" vertical="center"/>
    </xf>
    <xf numFmtId="0" fontId="3" fillId="0" borderId="126" xfId="1" applyFont="1" applyBorder="1" applyAlignment="1">
      <alignment horizontal="center" vertical="center"/>
    </xf>
    <xf numFmtId="0" fontId="3" fillId="0" borderId="31" xfId="1" applyFont="1" applyBorder="1" applyAlignment="1">
      <alignment horizontal="center" vertical="center"/>
    </xf>
    <xf numFmtId="0" fontId="3" fillId="0" borderId="43" xfId="1" applyFont="1" applyBorder="1" applyAlignment="1">
      <alignment horizontal="center" vertical="center"/>
    </xf>
    <xf numFmtId="0" fontId="3" fillId="0" borderId="5" xfId="1" applyFont="1" applyBorder="1" applyAlignment="1">
      <alignment horizontal="center" vertical="center"/>
    </xf>
    <xf numFmtId="0" fontId="3" fillId="0" borderId="27" xfId="1" applyFont="1" applyBorder="1" applyAlignment="1">
      <alignment horizontal="center" vertical="center"/>
    </xf>
    <xf numFmtId="0" fontId="3" fillId="0" borderId="14" xfId="1" applyFont="1" applyBorder="1" applyAlignment="1">
      <alignment horizontal="center" vertical="center"/>
    </xf>
    <xf numFmtId="0" fontId="3" fillId="0" borderId="38" xfId="1" applyFont="1" applyBorder="1" applyAlignment="1">
      <alignment horizontal="center" vertical="center"/>
    </xf>
    <xf numFmtId="0" fontId="3" fillId="0" borderId="13" xfId="1" applyFont="1" applyBorder="1" applyAlignment="1">
      <alignment vertical="center"/>
    </xf>
    <xf numFmtId="0" fontId="3" fillId="0" borderId="39" xfId="1" applyFont="1" applyBorder="1" applyAlignment="1">
      <alignment vertical="center"/>
    </xf>
    <xf numFmtId="0" fontId="3" fillId="0" borderId="17" xfId="1" applyFont="1" applyBorder="1" applyAlignment="1">
      <alignment vertical="center"/>
    </xf>
    <xf numFmtId="0" fontId="3" fillId="0" borderId="102" xfId="1" applyFont="1" applyBorder="1" applyAlignment="1">
      <alignment vertical="center"/>
    </xf>
    <xf numFmtId="0" fontId="3" fillId="0" borderId="58" xfId="1" applyFont="1" applyFill="1" applyBorder="1" applyAlignment="1">
      <alignment horizontal="center" vertical="center"/>
    </xf>
    <xf numFmtId="0" fontId="3" fillId="0" borderId="59" xfId="1" applyFont="1" applyFill="1" applyBorder="1" applyAlignment="1">
      <alignment horizontal="center" vertical="center"/>
    </xf>
    <xf numFmtId="0" fontId="3" fillId="0" borderId="60" xfId="1" applyFont="1" applyFill="1" applyBorder="1" applyAlignment="1">
      <alignment horizontal="center" vertical="center"/>
    </xf>
    <xf numFmtId="0" fontId="3" fillId="0" borderId="22" xfId="1" applyFont="1" applyBorder="1" applyAlignment="1">
      <alignment horizontal="center" vertical="center"/>
    </xf>
    <xf numFmtId="0" fontId="3" fillId="0" borderId="23" xfId="1" applyFont="1" applyBorder="1" applyAlignment="1">
      <alignment horizontal="center" vertical="center"/>
    </xf>
    <xf numFmtId="0" fontId="3" fillId="0" borderId="81" xfId="1" applyFont="1" applyBorder="1" applyAlignment="1">
      <alignment horizontal="center" vertical="center"/>
    </xf>
    <xf numFmtId="0" fontId="3" fillId="0" borderId="0" xfId="1" applyFont="1" applyFill="1" applyBorder="1" applyAlignment="1">
      <alignment horizontal="center" vertical="center" wrapText="1"/>
    </xf>
    <xf numFmtId="0" fontId="3" fillId="0" borderId="53" xfId="1" applyFont="1" applyFill="1" applyBorder="1" applyAlignment="1">
      <alignment horizontal="center" vertical="center"/>
    </xf>
    <xf numFmtId="0" fontId="3" fillId="0" borderId="50" xfId="1" applyFont="1" applyFill="1" applyBorder="1" applyAlignment="1">
      <alignment horizontal="center" vertical="center"/>
    </xf>
    <xf numFmtId="0" fontId="3" fillId="0" borderId="103" xfId="1" applyFont="1" applyFill="1" applyBorder="1" applyAlignment="1">
      <alignment horizontal="center" vertical="center"/>
    </xf>
    <xf numFmtId="0" fontId="3" fillId="0" borderId="43" xfId="1" applyFont="1" applyFill="1" applyBorder="1" applyAlignment="1">
      <alignment horizontal="center" vertical="center"/>
    </xf>
    <xf numFmtId="0" fontId="3" fillId="0" borderId="24" xfId="1" applyFont="1" applyFill="1" applyBorder="1" applyAlignment="1">
      <alignment horizontal="center" vertical="center"/>
    </xf>
    <xf numFmtId="0" fontId="3" fillId="0" borderId="27" xfId="1" applyFont="1" applyFill="1" applyBorder="1" applyAlignment="1">
      <alignment horizontal="center" vertical="center"/>
    </xf>
    <xf numFmtId="0" fontId="3" fillId="0" borderId="54" xfId="1" applyFont="1" applyFill="1" applyBorder="1" applyAlignment="1">
      <alignment horizontal="center" vertical="center"/>
    </xf>
    <xf numFmtId="0" fontId="3" fillId="0" borderId="30" xfId="1" applyFont="1" applyFill="1" applyBorder="1" applyAlignment="1">
      <alignment horizontal="center" vertical="center"/>
    </xf>
    <xf numFmtId="0" fontId="25" fillId="0" borderId="6" xfId="1" applyFont="1" applyBorder="1" applyAlignment="1">
      <alignment horizontal="center" vertical="center"/>
    </xf>
    <xf numFmtId="0" fontId="25" fillId="0" borderId="7" xfId="1" applyFont="1" applyBorder="1" applyAlignment="1">
      <alignment horizontal="center" vertical="center"/>
    </xf>
    <xf numFmtId="0" fontId="25" fillId="0" borderId="5" xfId="1" applyFont="1" applyBorder="1" applyAlignment="1">
      <alignment horizontal="center" vertical="center"/>
    </xf>
    <xf numFmtId="0" fontId="25" fillId="0" borderId="3" xfId="1" applyFont="1" applyBorder="1" applyAlignment="1">
      <alignment horizontal="center" vertical="center"/>
    </xf>
    <xf numFmtId="0" fontId="25" fillId="0" borderId="1" xfId="1" applyFont="1" applyBorder="1" applyAlignment="1">
      <alignment horizontal="center" vertical="center"/>
    </xf>
    <xf numFmtId="0" fontId="25" fillId="0" borderId="4" xfId="1" applyFont="1" applyBorder="1" applyAlignment="1">
      <alignment horizontal="center" vertical="center"/>
    </xf>
    <xf numFmtId="0" fontId="43" fillId="0" borderId="6" xfId="0" applyFont="1" applyBorder="1" applyAlignment="1">
      <alignment horizontal="center" vertical="center"/>
    </xf>
    <xf numFmtId="0" fontId="43" fillId="0" borderId="7" xfId="0" applyFont="1" applyBorder="1" applyAlignment="1">
      <alignment horizontal="center" vertical="center"/>
    </xf>
    <xf numFmtId="0" fontId="43" fillId="0" borderId="5" xfId="0" applyFont="1" applyBorder="1" applyAlignment="1">
      <alignment horizontal="center" vertical="center"/>
    </xf>
    <xf numFmtId="0" fontId="43" fillId="0" borderId="2" xfId="0" applyFont="1" applyBorder="1" applyAlignment="1">
      <alignment horizontal="center" vertical="center"/>
    </xf>
    <xf numFmtId="0" fontId="43" fillId="0" borderId="0" xfId="0" applyFont="1" applyBorder="1" applyAlignment="1">
      <alignment horizontal="center" vertical="center"/>
    </xf>
    <xf numFmtId="0" fontId="43" fillId="0" borderId="11" xfId="0" applyFont="1" applyBorder="1" applyAlignment="1">
      <alignment horizontal="center" vertical="center"/>
    </xf>
    <xf numFmtId="0" fontId="43" fillId="0" borderId="3" xfId="0" applyFont="1" applyBorder="1" applyAlignment="1">
      <alignment horizontal="center" vertical="center"/>
    </xf>
    <xf numFmtId="0" fontId="43" fillId="0" borderId="1" xfId="0" applyFont="1" applyBorder="1" applyAlignment="1">
      <alignment horizontal="center" vertical="center"/>
    </xf>
    <xf numFmtId="0" fontId="43" fillId="0" borderId="4" xfId="0" applyFont="1" applyBorder="1" applyAlignment="1">
      <alignment horizontal="center" vertical="center"/>
    </xf>
    <xf numFmtId="0" fontId="3" fillId="0" borderId="70" xfId="0" applyFont="1" applyFill="1" applyBorder="1" applyAlignment="1">
      <alignment horizontal="center" vertical="center"/>
    </xf>
    <xf numFmtId="0" fontId="3" fillId="0" borderId="67" xfId="0" applyFont="1" applyFill="1" applyBorder="1" applyAlignment="1">
      <alignment horizontal="center" vertical="center"/>
    </xf>
    <xf numFmtId="0" fontId="3" fillId="0" borderId="61" xfId="0" applyFont="1" applyFill="1" applyBorder="1" applyAlignment="1">
      <alignment horizontal="center" vertical="center"/>
    </xf>
    <xf numFmtId="0" fontId="3" fillId="0" borderId="0" xfId="1" applyFont="1" applyAlignment="1">
      <alignment horizontal="center" vertical="center"/>
    </xf>
    <xf numFmtId="0" fontId="3" fillId="0" borderId="127" xfId="1" applyFont="1" applyBorder="1" applyAlignment="1">
      <alignment horizontal="center" vertical="center"/>
    </xf>
    <xf numFmtId="0" fontId="3" fillId="0" borderId="128" xfId="1" applyFont="1" applyBorder="1" applyAlignment="1">
      <alignment horizontal="center" vertical="center"/>
    </xf>
    <xf numFmtId="0" fontId="3" fillId="0" borderId="129" xfId="1" applyFont="1" applyBorder="1" applyAlignment="1">
      <alignment horizontal="center" vertical="center"/>
    </xf>
    <xf numFmtId="0" fontId="3" fillId="0" borderId="127" xfId="0" applyFont="1" applyFill="1" applyBorder="1" applyAlignment="1">
      <alignment horizontal="center" vertical="center"/>
    </xf>
    <xf numFmtId="0" fontId="3" fillId="0" borderId="128" xfId="0" applyFont="1" applyFill="1" applyBorder="1" applyAlignment="1">
      <alignment horizontal="center" vertical="center"/>
    </xf>
    <xf numFmtId="0" fontId="3" fillId="0" borderId="129" xfId="0" applyFont="1" applyFill="1" applyBorder="1" applyAlignment="1">
      <alignment horizontal="center" vertical="center"/>
    </xf>
    <xf numFmtId="0" fontId="3" fillId="0" borderId="70" xfId="1" applyFont="1" applyFill="1" applyBorder="1" applyAlignment="1">
      <alignment horizontal="center" vertical="center"/>
    </xf>
    <xf numFmtId="0" fontId="3" fillId="0" borderId="67" xfId="1" applyFont="1" applyFill="1" applyBorder="1" applyAlignment="1">
      <alignment horizontal="center" vertical="center"/>
    </xf>
    <xf numFmtId="0" fontId="3" fillId="0" borderId="61" xfId="1" applyFont="1" applyFill="1" applyBorder="1" applyAlignment="1">
      <alignment horizontal="center" vertical="center"/>
    </xf>
    <xf numFmtId="0" fontId="3" fillId="0" borderId="55" xfId="1" applyFont="1" applyFill="1" applyBorder="1" applyAlignment="1">
      <alignment horizontal="center" vertical="center"/>
    </xf>
    <xf numFmtId="0" fontId="3" fillId="0" borderId="56" xfId="1" applyFont="1" applyFill="1" applyBorder="1" applyAlignment="1">
      <alignment horizontal="center" vertical="center"/>
    </xf>
    <xf numFmtId="0" fontId="3" fillId="0" borderId="57" xfId="1" applyFont="1" applyFill="1" applyBorder="1" applyAlignment="1">
      <alignment horizontal="center" vertical="center"/>
    </xf>
    <xf numFmtId="0" fontId="8" fillId="0" borderId="19" xfId="0" applyFont="1" applyFill="1" applyBorder="1" applyAlignment="1">
      <alignment horizontal="center" vertical="center"/>
    </xf>
    <xf numFmtId="0" fontId="8" fillId="0" borderId="10" xfId="0" applyFont="1" applyFill="1" applyBorder="1" applyAlignment="1">
      <alignment horizontal="center" vertical="center"/>
    </xf>
    <xf numFmtId="0" fontId="3" fillId="0" borderId="78" xfId="1" applyFont="1" applyFill="1" applyBorder="1" applyAlignment="1">
      <alignment horizontal="center" vertical="center"/>
    </xf>
    <xf numFmtId="0" fontId="3" fillId="0" borderId="79" xfId="1" applyFont="1" applyFill="1" applyBorder="1" applyAlignment="1">
      <alignment horizontal="center" vertical="center"/>
    </xf>
    <xf numFmtId="0" fontId="3" fillId="0" borderId="80" xfId="1" applyFont="1" applyFill="1" applyBorder="1" applyAlignment="1">
      <alignment horizontal="center" vertical="center"/>
    </xf>
    <xf numFmtId="0" fontId="28" fillId="0" borderId="19" xfId="0" applyFont="1" applyFill="1" applyBorder="1" applyAlignment="1">
      <alignment horizontal="left" vertical="center"/>
    </xf>
    <xf numFmtId="0" fontId="28" fillId="0" borderId="0" xfId="0" applyFont="1" applyBorder="1" applyAlignment="1">
      <alignment vertical="center" wrapText="1"/>
    </xf>
    <xf numFmtId="0" fontId="28" fillId="0" borderId="11" xfId="0" applyFont="1" applyBorder="1" applyAlignment="1">
      <alignment vertical="center" wrapText="1"/>
    </xf>
    <xf numFmtId="0" fontId="28" fillId="0" borderId="6" xfId="0" applyFont="1" applyBorder="1" applyAlignment="1">
      <alignment horizontal="center" vertical="center" wrapText="1"/>
    </xf>
    <xf numFmtId="0" fontId="28" fillId="0" borderId="5" xfId="0" applyFont="1" applyBorder="1" applyAlignment="1">
      <alignment horizontal="center" vertical="center" wrapText="1"/>
    </xf>
    <xf numFmtId="0" fontId="28" fillId="0" borderId="2" xfId="0" applyFont="1" applyBorder="1" applyAlignment="1">
      <alignment horizontal="center" vertical="center" wrapText="1"/>
    </xf>
    <xf numFmtId="0" fontId="28" fillId="0" borderId="11" xfId="0" applyFont="1" applyBorder="1" applyAlignment="1">
      <alignment horizontal="center" vertical="center" wrapText="1"/>
    </xf>
    <xf numFmtId="0" fontId="28" fillId="0" borderId="3" xfId="0" applyFont="1" applyBorder="1" applyAlignment="1">
      <alignment horizontal="center" vertical="center" wrapText="1"/>
    </xf>
    <xf numFmtId="0" fontId="28" fillId="0" borderId="4" xfId="0" applyFont="1" applyBorder="1" applyAlignment="1">
      <alignment horizontal="center" vertical="center" wrapText="1"/>
    </xf>
    <xf numFmtId="0" fontId="28" fillId="0" borderId="6" xfId="0" applyFont="1" applyBorder="1" applyAlignment="1">
      <alignment horizontal="left" vertical="center" wrapText="1"/>
    </xf>
    <xf numFmtId="0" fontId="28" fillId="0" borderId="7" xfId="0" applyFont="1" applyBorder="1" applyAlignment="1">
      <alignment horizontal="left" vertical="center" wrapText="1"/>
    </xf>
    <xf numFmtId="0" fontId="28" fillId="0" borderId="5" xfId="0" applyFont="1" applyBorder="1" applyAlignment="1">
      <alignment horizontal="left" vertical="center" wrapText="1"/>
    </xf>
    <xf numFmtId="0" fontId="28" fillId="0" borderId="2" xfId="0" applyFont="1" applyBorder="1" applyAlignment="1">
      <alignment horizontal="left" vertical="center" wrapText="1"/>
    </xf>
    <xf numFmtId="0" fontId="28" fillId="0" borderId="0" xfId="0" applyFont="1" applyBorder="1" applyAlignment="1">
      <alignment horizontal="left" vertical="center" wrapText="1"/>
    </xf>
    <xf numFmtId="0" fontId="28" fillId="0" borderId="11" xfId="0" applyFont="1" applyBorder="1" applyAlignment="1">
      <alignment horizontal="left" vertical="center" wrapText="1"/>
    </xf>
    <xf numFmtId="0" fontId="28" fillId="0" borderId="3" xfId="0" applyFont="1" applyBorder="1" applyAlignment="1">
      <alignment horizontal="left" vertical="center" wrapText="1"/>
    </xf>
    <xf numFmtId="0" fontId="28" fillId="0" borderId="1" xfId="0" applyFont="1" applyBorder="1" applyAlignment="1">
      <alignment horizontal="left" vertical="center" wrapText="1"/>
    </xf>
    <xf numFmtId="0" fontId="28" fillId="0" borderId="4" xfId="0" applyFont="1" applyBorder="1" applyAlignment="1">
      <alignment horizontal="left" vertical="center" wrapText="1"/>
    </xf>
    <xf numFmtId="0" fontId="28" fillId="0" borderId="0" xfId="0" applyFont="1" applyAlignment="1">
      <alignment horizontal="left" vertical="center" wrapText="1"/>
    </xf>
    <xf numFmtId="0" fontId="28" fillId="0" borderId="10" xfId="0" applyFont="1" applyBorder="1" applyAlignment="1">
      <alignment horizontal="center" vertical="center" wrapText="1"/>
    </xf>
    <xf numFmtId="0" fontId="28" fillId="0" borderId="16" xfId="0" applyFont="1" applyBorder="1" applyAlignment="1">
      <alignment horizontal="center" vertical="center" wrapText="1"/>
    </xf>
    <xf numFmtId="0" fontId="28" fillId="0" borderId="19" xfId="0" applyFont="1" applyFill="1" applyBorder="1" applyAlignment="1">
      <alignment vertical="center"/>
    </xf>
    <xf numFmtId="0" fontId="28" fillId="0" borderId="19" xfId="0" applyFont="1" applyFill="1" applyBorder="1" applyAlignment="1">
      <alignment vertical="center" shrinkToFit="1"/>
    </xf>
    <xf numFmtId="0" fontId="28" fillId="0" borderId="19" xfId="0" applyFont="1" applyBorder="1" applyAlignment="1">
      <alignment horizontal="left" vertical="center"/>
    </xf>
    <xf numFmtId="0" fontId="28" fillId="0" borderId="2" xfId="0" applyFont="1" applyBorder="1" applyAlignment="1">
      <alignment vertical="center" wrapText="1"/>
    </xf>
    <xf numFmtId="0" fontId="28" fillId="0" borderId="19" xfId="0" applyFont="1" applyBorder="1" applyAlignment="1">
      <alignment horizontal="left" vertical="center" shrinkToFit="1"/>
    </xf>
    <xf numFmtId="0" fontId="28" fillId="0" borderId="9" xfId="0" applyFont="1" applyBorder="1" applyAlignment="1">
      <alignment horizontal="left" vertical="center"/>
    </xf>
    <xf numFmtId="0" fontId="28" fillId="0" borderId="130" xfId="0" applyFont="1" applyBorder="1" applyAlignment="1">
      <alignment horizontal="left" vertical="center"/>
    </xf>
    <xf numFmtId="0" fontId="28" fillId="0" borderId="119" xfId="0" applyFont="1" applyBorder="1" applyAlignment="1">
      <alignment horizontal="left" vertical="center"/>
    </xf>
    <xf numFmtId="0" fontId="78" fillId="0" borderId="10" xfId="0" applyFont="1" applyFill="1" applyBorder="1" applyAlignment="1">
      <alignment horizontal="left" vertical="center" shrinkToFit="1"/>
    </xf>
    <xf numFmtId="0" fontId="78" fillId="0" borderId="18" xfId="0" applyFont="1" applyFill="1" applyBorder="1" applyAlignment="1">
      <alignment horizontal="left" vertical="center" shrinkToFit="1"/>
    </xf>
    <xf numFmtId="0" fontId="78" fillId="0" borderId="16" xfId="0" applyFont="1" applyFill="1" applyBorder="1" applyAlignment="1">
      <alignment horizontal="left" vertical="center" shrinkToFit="1"/>
    </xf>
    <xf numFmtId="0" fontId="78" fillId="0" borderId="19" xfId="0" applyFont="1" applyFill="1" applyBorder="1" applyAlignment="1">
      <alignment horizontal="left" vertical="center" shrinkToFit="1"/>
    </xf>
    <xf numFmtId="0" fontId="28" fillId="0" borderId="120" xfId="0" applyFont="1" applyBorder="1" applyAlignment="1">
      <alignment horizontal="left" vertical="center"/>
    </xf>
    <xf numFmtId="0" fontId="28" fillId="0" borderId="116" xfId="0" applyFont="1" applyBorder="1" applyAlignment="1">
      <alignment horizontal="left" vertical="center"/>
    </xf>
    <xf numFmtId="0" fontId="28" fillId="0" borderId="19" xfId="0" applyFont="1" applyBorder="1" applyAlignment="1">
      <alignment horizontal="center" vertical="center"/>
    </xf>
    <xf numFmtId="0" fontId="28" fillId="0" borderId="10" xfId="0" applyFont="1" applyBorder="1" applyAlignment="1">
      <alignment horizontal="center" vertical="center"/>
    </xf>
    <xf numFmtId="0" fontId="28" fillId="0" borderId="18" xfId="0" applyFont="1" applyBorder="1" applyAlignment="1">
      <alignment horizontal="center" vertical="center" wrapText="1"/>
    </xf>
    <xf numFmtId="0" fontId="78" fillId="0" borderId="19" xfId="0" applyFont="1" applyFill="1" applyBorder="1" applyAlignment="1">
      <alignment horizontal="left" vertical="center"/>
    </xf>
    <xf numFmtId="0" fontId="28" fillId="0" borderId="10" xfId="0" applyFont="1" applyBorder="1" applyAlignment="1">
      <alignment horizontal="left" vertical="center"/>
    </xf>
    <xf numFmtId="0" fontId="28" fillId="0" borderId="18" xfId="0" applyFont="1" applyBorder="1" applyAlignment="1">
      <alignment horizontal="left" vertical="center"/>
    </xf>
    <xf numFmtId="0" fontId="28" fillId="0" borderId="16" xfId="0" applyFont="1" applyBorder="1" applyAlignment="1">
      <alignment horizontal="left" vertical="center"/>
    </xf>
    <xf numFmtId="0" fontId="28" fillId="0" borderId="0" xfId="0" applyFont="1" applyAlignment="1">
      <alignment vertical="center" wrapText="1"/>
    </xf>
    <xf numFmtId="0" fontId="28" fillId="0" borderId="70" xfId="0" applyFont="1" applyFill="1" applyBorder="1" applyAlignment="1">
      <alignment horizontal="center" vertical="center"/>
    </xf>
    <xf numFmtId="0" fontId="28" fillId="0" borderId="131" xfId="0" applyFont="1" applyFill="1" applyBorder="1" applyAlignment="1">
      <alignment horizontal="center" vertical="center"/>
    </xf>
    <xf numFmtId="0" fontId="28" fillId="0" borderId="132" xfId="0" applyFont="1" applyFill="1" applyBorder="1" applyAlignment="1">
      <alignment horizontal="center" vertical="center"/>
    </xf>
    <xf numFmtId="0" fontId="28" fillId="0" borderId="61" xfId="0" applyFont="1" applyFill="1" applyBorder="1" applyAlignment="1">
      <alignment horizontal="center" vertical="center"/>
    </xf>
    <xf numFmtId="0" fontId="28" fillId="0" borderId="9" xfId="0" applyFont="1" applyFill="1" applyBorder="1" applyAlignment="1">
      <alignment horizontal="left" vertical="center"/>
    </xf>
    <xf numFmtId="0" fontId="28" fillId="0" borderId="10" xfId="0" applyFont="1" applyFill="1" applyBorder="1" applyAlignment="1">
      <alignment vertical="center"/>
    </xf>
    <xf numFmtId="0" fontId="28" fillId="0" borderId="18" xfId="0" applyFont="1" applyFill="1" applyBorder="1" applyAlignment="1">
      <alignment vertical="center"/>
    </xf>
    <xf numFmtId="0" fontId="28" fillId="0" borderId="16" xfId="0" applyFont="1" applyFill="1" applyBorder="1" applyAlignment="1">
      <alignment vertical="center"/>
    </xf>
    <xf numFmtId="0" fontId="28" fillId="0" borderId="2" xfId="0" applyFont="1" applyBorder="1" applyAlignment="1">
      <alignment horizontal="left" vertical="center"/>
    </xf>
    <xf numFmtId="0" fontId="28" fillId="0" borderId="0" xfId="0" applyFont="1" applyBorder="1" applyAlignment="1">
      <alignment horizontal="left" vertical="center"/>
    </xf>
    <xf numFmtId="0" fontId="28" fillId="0" borderId="19" xfId="0" applyFont="1" applyBorder="1" applyAlignment="1">
      <alignment horizontal="center" vertical="center" shrinkToFit="1"/>
    </xf>
    <xf numFmtId="0" fontId="28" fillId="0" borderId="16" xfId="0" applyFont="1" applyBorder="1" applyAlignment="1">
      <alignment horizontal="center" vertical="center"/>
    </xf>
    <xf numFmtId="0" fontId="28" fillId="0" borderId="19" xfId="0" applyFont="1" applyFill="1" applyBorder="1" applyAlignment="1">
      <alignment horizontal="center" vertical="center"/>
    </xf>
    <xf numFmtId="0" fontId="28" fillId="0" borderId="19" xfId="0" applyFont="1" applyBorder="1" applyAlignment="1">
      <alignment horizontal="center" vertical="center" wrapText="1"/>
    </xf>
    <xf numFmtId="0" fontId="28" fillId="0" borderId="19" xfId="0" applyFont="1" applyFill="1" applyBorder="1" applyAlignment="1">
      <alignment horizontal="center" vertical="center" wrapText="1"/>
    </xf>
    <xf numFmtId="0" fontId="28" fillId="0" borderId="10" xfId="0" applyFont="1" applyFill="1" applyBorder="1" applyAlignment="1">
      <alignment horizontal="center" vertical="center"/>
    </xf>
    <xf numFmtId="0" fontId="28" fillId="0" borderId="16" xfId="0" applyFont="1" applyFill="1" applyBorder="1" applyAlignment="1">
      <alignment horizontal="center" vertical="center"/>
    </xf>
    <xf numFmtId="0" fontId="61" fillId="0" borderId="0" xfId="0" applyFont="1" applyAlignment="1">
      <alignment horizontal="center" vertical="center"/>
    </xf>
    <xf numFmtId="0" fontId="79" fillId="0" borderId="0" xfId="0" applyFont="1" applyAlignment="1">
      <alignment horizontal="left" vertical="center" wrapText="1"/>
    </xf>
    <xf numFmtId="0" fontId="80" fillId="0" borderId="0" xfId="0" applyFont="1" applyAlignment="1">
      <alignment horizontal="left" vertical="center" wrapText="1"/>
    </xf>
    <xf numFmtId="0" fontId="15" fillId="0" borderId="10" xfId="0" applyFont="1" applyBorder="1" applyAlignment="1">
      <alignment horizontal="center" vertical="center" wrapText="1" shrinkToFit="1"/>
    </xf>
    <xf numFmtId="0" fontId="15" fillId="0" borderId="16" xfId="0" applyFont="1" applyBorder="1" applyAlignment="1">
      <alignment horizontal="center" vertical="center" wrapText="1" shrinkToFit="1"/>
    </xf>
    <xf numFmtId="0" fontId="5" fillId="0" borderId="0" xfId="0" applyFont="1" applyBorder="1" applyAlignment="1">
      <alignment horizontal="center" vertical="center"/>
    </xf>
    <xf numFmtId="0" fontId="5" fillId="0" borderId="11" xfId="0" applyFont="1" applyBorder="1" applyAlignment="1">
      <alignment horizontal="center" vertical="center"/>
    </xf>
    <xf numFmtId="0" fontId="4" fillId="0" borderId="7" xfId="0" applyFont="1" applyBorder="1" applyAlignment="1">
      <alignment horizontal="center" vertical="center"/>
    </xf>
    <xf numFmtId="0" fontId="0" fillId="0" borderId="194" xfId="0" applyBorder="1">
      <alignment vertical="center"/>
    </xf>
    <xf numFmtId="0" fontId="0" fillId="0" borderId="195" xfId="0" applyBorder="1">
      <alignment vertical="center"/>
    </xf>
    <xf numFmtId="0" fontId="2" fillId="0" borderId="194" xfId="0" applyFont="1" applyBorder="1" applyAlignment="1">
      <alignment horizontal="center" vertical="center" textRotation="255"/>
    </xf>
    <xf numFmtId="0" fontId="2" fillId="0" borderId="195" xfId="0" applyFont="1" applyBorder="1" applyAlignment="1">
      <alignment horizontal="center" vertical="center" textRotation="255"/>
    </xf>
    <xf numFmtId="0" fontId="3" fillId="0" borderId="0" xfId="0" applyFont="1" applyBorder="1" applyAlignment="1">
      <alignment horizontal="center" vertical="center"/>
    </xf>
    <xf numFmtId="0" fontId="0" fillId="0" borderId="0" xfId="0">
      <alignment vertical="center"/>
    </xf>
    <xf numFmtId="0" fontId="0" fillId="0" borderId="0" xfId="0" applyBorder="1">
      <alignment vertical="center"/>
    </xf>
    <xf numFmtId="0" fontId="3" fillId="0" borderId="7" xfId="0" applyFont="1" applyBorder="1" applyAlignment="1">
      <alignment horizontal="center" vertical="center"/>
    </xf>
    <xf numFmtId="0" fontId="0" fillId="0" borderId="7" xfId="0" applyBorder="1">
      <alignment vertical="center"/>
    </xf>
    <xf numFmtId="0" fontId="0" fillId="0" borderId="105" xfId="4" applyFont="1" applyBorder="1" applyAlignment="1">
      <alignment horizontal="center" vertical="center" wrapText="1"/>
    </xf>
    <xf numFmtId="0" fontId="1" fillId="0" borderId="20" xfId="4" applyBorder="1" applyAlignment="1">
      <alignment horizontal="center" vertical="center"/>
    </xf>
    <xf numFmtId="0" fontId="1" fillId="0" borderId="22" xfId="4" applyBorder="1" applyAlignment="1">
      <alignment horizontal="center" vertical="center"/>
    </xf>
    <xf numFmtId="0" fontId="1" fillId="0" borderId="43" xfId="4" applyBorder="1" applyAlignment="1">
      <alignment horizontal="center" vertical="center"/>
    </xf>
    <xf numFmtId="0" fontId="1" fillId="0" borderId="24" xfId="4" applyBorder="1" applyAlignment="1">
      <alignment horizontal="center" vertical="center"/>
    </xf>
    <xf numFmtId="0" fontId="1" fillId="0" borderId="30" xfId="4" applyBorder="1" applyAlignment="1">
      <alignment horizontal="center" vertical="center"/>
    </xf>
    <xf numFmtId="0" fontId="4" fillId="0" borderId="0" xfId="0" applyFont="1" applyBorder="1">
      <alignment vertical="center"/>
    </xf>
    <xf numFmtId="0" fontId="4" fillId="0" borderId="1" xfId="0" applyFont="1" applyBorder="1">
      <alignment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4" xfId="0" applyFont="1" applyBorder="1" applyAlignment="1">
      <alignment horizontal="center" vertical="center"/>
    </xf>
    <xf numFmtId="0" fontId="28" fillId="0" borderId="0" xfId="0" quotePrefix="1" applyFont="1" applyBorder="1" applyAlignment="1">
      <alignment horizontal="center" vertical="center"/>
    </xf>
    <xf numFmtId="0" fontId="28" fillId="0" borderId="0" xfId="0" applyFont="1" applyAlignment="1">
      <alignment horizontal="center" vertical="center"/>
    </xf>
    <xf numFmtId="0" fontId="28" fillId="0" borderId="2" xfId="0" quotePrefix="1" applyFont="1" applyBorder="1" applyAlignment="1">
      <alignment horizontal="center" vertical="center"/>
    </xf>
    <xf numFmtId="0" fontId="28" fillId="0" borderId="2" xfId="0" applyFont="1" applyBorder="1" applyAlignment="1">
      <alignment horizontal="center" vertical="center"/>
    </xf>
    <xf numFmtId="0" fontId="8" fillId="0" borderId="0" xfId="0" applyFont="1">
      <alignment vertical="center"/>
    </xf>
    <xf numFmtId="0" fontId="3" fillId="0" borderId="175" xfId="0" applyFont="1" applyBorder="1" applyAlignment="1">
      <alignment horizontal="center" vertical="center"/>
    </xf>
    <xf numFmtId="0" fontId="3" fillId="0" borderId="176" xfId="0" applyFont="1" applyBorder="1" applyAlignment="1">
      <alignment horizontal="center" vertical="center"/>
    </xf>
    <xf numFmtId="0" fontId="5" fillId="0" borderId="6" xfId="0" applyFont="1" applyBorder="1">
      <alignment vertical="center"/>
    </xf>
    <xf numFmtId="0" fontId="5" fillId="0" borderId="180" xfId="0" applyFont="1" applyBorder="1">
      <alignment vertical="center"/>
    </xf>
    <xf numFmtId="0" fontId="5" fillId="0" borderId="2" xfId="0" applyFont="1" applyBorder="1">
      <alignment vertical="center"/>
    </xf>
    <xf numFmtId="0" fontId="5" fillId="0" borderId="176" xfId="0" applyFont="1" applyBorder="1">
      <alignment vertical="center"/>
    </xf>
    <xf numFmtId="0" fontId="6" fillId="0" borderId="133" xfId="0" applyFont="1" applyBorder="1">
      <alignment vertical="center"/>
    </xf>
    <xf numFmtId="0" fontId="0" fillId="0" borderId="7" xfId="0" applyBorder="1" applyAlignment="1">
      <alignment horizontal="distributed" vertical="center"/>
    </xf>
    <xf numFmtId="0" fontId="0" fillId="0" borderId="1" xfId="0" applyBorder="1" applyAlignment="1">
      <alignment horizontal="distributed" vertical="center"/>
    </xf>
    <xf numFmtId="0" fontId="0" fillId="0" borderId="6" xfId="0" applyBorder="1" applyAlignment="1">
      <alignment horizontal="distributed" vertical="center"/>
    </xf>
    <xf numFmtId="0" fontId="0" fillId="0" borderId="3" xfId="0" applyBorder="1" applyAlignment="1">
      <alignment horizontal="distributed" vertical="center"/>
    </xf>
    <xf numFmtId="0" fontId="0" fillId="0" borderId="5" xfId="0" applyBorder="1" applyAlignment="1">
      <alignment horizontal="distributed" vertical="center"/>
    </xf>
    <xf numFmtId="0" fontId="0" fillId="0" borderId="4" xfId="0" applyBorder="1" applyAlignment="1">
      <alignment horizontal="distributed" vertical="center"/>
    </xf>
    <xf numFmtId="0" fontId="3" fillId="0" borderId="0" xfId="0" applyFont="1" applyBorder="1">
      <alignment vertical="center"/>
    </xf>
    <xf numFmtId="0" fontId="3" fillId="0" borderId="172" xfId="0" applyFont="1" applyBorder="1" applyAlignment="1">
      <alignment horizontal="center" vertical="center"/>
    </xf>
    <xf numFmtId="0" fontId="3" fillId="0" borderId="173" xfId="0" applyFont="1" applyBorder="1" applyAlignment="1">
      <alignment horizontal="center" vertical="center"/>
    </xf>
    <xf numFmtId="0" fontId="3" fillId="0" borderId="174" xfId="0" applyFont="1" applyBorder="1" applyAlignment="1">
      <alignment horizontal="center" vertical="center"/>
    </xf>
    <xf numFmtId="0" fontId="6" fillId="0" borderId="6" xfId="0" applyFont="1" applyBorder="1" applyAlignment="1">
      <alignment horizontal="center" vertical="center" textRotation="255"/>
    </xf>
    <xf numFmtId="0" fontId="6" fillId="0" borderId="5" xfId="0" applyFont="1" applyBorder="1" applyAlignment="1">
      <alignment horizontal="center" vertical="center" textRotation="255"/>
    </xf>
    <xf numFmtId="0" fontId="6" fillId="0" borderId="2" xfId="0" applyFont="1" applyBorder="1" applyAlignment="1">
      <alignment horizontal="center" vertical="center" textRotation="255"/>
    </xf>
    <xf numFmtId="0" fontId="6" fillId="0" borderId="11" xfId="0" applyFont="1" applyBorder="1" applyAlignment="1">
      <alignment horizontal="center" vertical="center" textRotation="255"/>
    </xf>
    <xf numFmtId="0" fontId="4" fillId="0" borderId="6" xfId="0" applyFont="1" applyBorder="1" applyAlignment="1">
      <alignment horizontal="center" vertical="center"/>
    </xf>
    <xf numFmtId="0" fontId="4" fillId="0" borderId="5" xfId="0" applyFont="1" applyBorder="1" applyAlignment="1">
      <alignment horizontal="center" vertical="center"/>
    </xf>
    <xf numFmtId="0" fontId="4" fillId="0" borderId="2" xfId="0" applyFont="1" applyBorder="1" applyAlignment="1">
      <alignment horizontal="center" vertical="center"/>
    </xf>
    <xf numFmtId="0" fontId="0" fillId="0" borderId="134" xfId="0" applyBorder="1" applyAlignment="1">
      <alignment horizontal="center" vertical="center"/>
    </xf>
    <xf numFmtId="0" fontId="0" fillId="0" borderId="135" xfId="0" applyBorder="1" applyAlignment="1">
      <alignment horizontal="center" vertical="center"/>
    </xf>
    <xf numFmtId="0" fontId="0" fillId="0" borderId="136" xfId="0" applyBorder="1" applyAlignment="1">
      <alignment horizontal="center" vertical="center"/>
    </xf>
    <xf numFmtId="0" fontId="0" fillId="0" borderId="137" xfId="0" applyBorder="1" applyAlignment="1">
      <alignment horizontal="center" vertical="center"/>
    </xf>
    <xf numFmtId="0" fontId="0" fillId="0" borderId="138" xfId="0" applyBorder="1" applyAlignment="1">
      <alignment horizontal="center" vertical="center"/>
    </xf>
    <xf numFmtId="0" fontId="0" fillId="0" borderId="139" xfId="0" applyBorder="1" applyAlignment="1">
      <alignment horizontal="center" vertical="center"/>
    </xf>
    <xf numFmtId="0" fontId="6" fillId="0" borderId="2" xfId="0" applyFont="1" applyBorder="1" applyAlignment="1">
      <alignment horizontal="center" vertical="center"/>
    </xf>
    <xf numFmtId="0" fontId="6" fillId="0" borderId="11" xfId="0" applyFont="1" applyBorder="1" applyAlignment="1">
      <alignment horizontal="center" vertical="center"/>
    </xf>
    <xf numFmtId="0" fontId="5" fillId="0" borderId="2" xfId="0" applyFont="1" applyBorder="1" applyAlignment="1">
      <alignment horizontal="center" vertical="center" wrapText="1"/>
    </xf>
    <xf numFmtId="0" fontId="5" fillId="0" borderId="2" xfId="0" applyFont="1" applyBorder="1" applyAlignment="1">
      <alignment horizontal="center" vertical="center"/>
    </xf>
    <xf numFmtId="0" fontId="5" fillId="0" borderId="2" xfId="0" applyFont="1" applyBorder="1" applyAlignment="1">
      <alignment vertical="center" wrapText="1"/>
    </xf>
    <xf numFmtId="0" fontId="5" fillId="0" borderId="0" xfId="0" applyFont="1" applyBorder="1">
      <alignment vertical="center"/>
    </xf>
    <xf numFmtId="0" fontId="25" fillId="0" borderId="2" xfId="0" applyFont="1" applyBorder="1" applyAlignment="1">
      <alignment horizontal="center" vertical="center"/>
    </xf>
    <xf numFmtId="0" fontId="3" fillId="0" borderId="2" xfId="0" applyFont="1" applyBorder="1" applyAlignment="1">
      <alignment horizontal="center" vertical="center"/>
    </xf>
    <xf numFmtId="0" fontId="3" fillId="0" borderId="11" xfId="0" applyFont="1" applyBorder="1" applyAlignment="1">
      <alignment horizontal="center" vertical="center"/>
    </xf>
    <xf numFmtId="0" fontId="6" fillId="0" borderId="172" xfId="0" applyFont="1" applyBorder="1" applyAlignment="1">
      <alignment horizontal="center" vertical="center" wrapText="1"/>
    </xf>
    <xf numFmtId="0" fontId="6" fillId="0" borderId="174" xfId="0" applyFont="1" applyBorder="1" applyAlignment="1">
      <alignment horizontal="center" vertical="center"/>
    </xf>
    <xf numFmtId="0" fontId="6" fillId="0" borderId="175" xfId="0" applyFont="1" applyBorder="1" applyAlignment="1">
      <alignment horizontal="center" vertical="center"/>
    </xf>
    <xf numFmtId="0" fontId="6" fillId="0" borderId="176" xfId="0" applyFont="1" applyBorder="1" applyAlignment="1">
      <alignment horizontal="center" vertical="center"/>
    </xf>
    <xf numFmtId="0" fontId="3" fillId="0" borderId="6" xfId="0" applyFont="1" applyBorder="1" applyAlignment="1">
      <alignment horizontal="center" vertical="center"/>
    </xf>
    <xf numFmtId="0" fontId="3" fillId="0" borderId="5" xfId="0" applyFont="1" applyBorder="1" applyAlignment="1">
      <alignment horizontal="center" vertical="center"/>
    </xf>
    <xf numFmtId="0" fontId="3" fillId="0" borderId="3" xfId="0" applyFont="1" applyBorder="1" applyAlignment="1">
      <alignment horizontal="center" vertical="center"/>
    </xf>
    <xf numFmtId="0" fontId="3" fillId="0" borderId="1" xfId="0" applyFont="1" applyBorder="1" applyAlignment="1">
      <alignment horizontal="center" vertical="center"/>
    </xf>
    <xf numFmtId="0" fontId="3" fillId="0" borderId="4" xfId="0" applyFont="1" applyBorder="1" applyAlignment="1">
      <alignment horizontal="center"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5" xfId="0" applyFont="1" applyBorder="1" applyAlignment="1">
      <alignment horizontal="left" vertical="center"/>
    </xf>
    <xf numFmtId="0" fontId="3" fillId="0" borderId="2" xfId="0" applyFont="1" applyBorder="1" applyAlignment="1">
      <alignment horizontal="left" vertical="center"/>
    </xf>
    <xf numFmtId="0" fontId="3" fillId="0" borderId="0" xfId="0" applyFont="1" applyBorder="1" applyAlignment="1">
      <alignment horizontal="left" vertical="center"/>
    </xf>
    <xf numFmtId="0" fontId="3" fillId="0" borderId="11" xfId="0" applyFont="1" applyBorder="1" applyAlignment="1">
      <alignment horizontal="left" vertical="center"/>
    </xf>
    <xf numFmtId="0" fontId="3" fillId="0" borderId="3" xfId="0" applyFont="1" applyBorder="1" applyAlignment="1">
      <alignment horizontal="left" vertical="center"/>
    </xf>
    <xf numFmtId="0" fontId="3" fillId="0" borderId="1" xfId="0" applyFont="1" applyBorder="1" applyAlignment="1">
      <alignment horizontal="left" vertical="center"/>
    </xf>
    <xf numFmtId="0" fontId="3" fillId="0" borderId="4" xfId="0" applyFont="1" applyBorder="1" applyAlignment="1">
      <alignment horizontal="left" vertical="center"/>
    </xf>
    <xf numFmtId="0" fontId="8" fillId="0" borderId="18" xfId="0" applyFont="1" applyBorder="1" applyAlignment="1">
      <alignment horizontal="distributed" vertical="center" shrinkToFit="1"/>
    </xf>
    <xf numFmtId="0" fontId="5" fillId="0" borderId="7" xfId="0" applyFont="1" applyBorder="1">
      <alignment vertical="center"/>
    </xf>
    <xf numFmtId="0" fontId="3" fillId="0" borderId="179" xfId="0" applyFont="1" applyBorder="1">
      <alignment vertical="center"/>
    </xf>
    <xf numFmtId="0" fontId="3" fillId="0" borderId="44" xfId="0" applyFont="1" applyBorder="1">
      <alignment vertical="center"/>
    </xf>
    <xf numFmtId="0" fontId="3" fillId="0" borderId="175" xfId="0" applyFont="1" applyBorder="1">
      <alignment vertical="center"/>
    </xf>
    <xf numFmtId="0" fontId="3" fillId="0" borderId="45" xfId="0" applyFont="1" applyBorder="1">
      <alignment vertical="center"/>
    </xf>
    <xf numFmtId="0" fontId="3" fillId="0" borderId="181" xfId="0" applyFont="1" applyBorder="1">
      <alignment vertical="center"/>
    </xf>
    <xf numFmtId="0" fontId="3" fillId="0" borderId="182" xfId="0" applyFont="1" applyBorder="1">
      <alignment vertical="center"/>
    </xf>
    <xf numFmtId="0" fontId="3" fillId="0" borderId="17" xfId="0" applyFont="1" applyBorder="1">
      <alignment vertical="center"/>
    </xf>
    <xf numFmtId="0" fontId="3" fillId="0" borderId="180" xfId="0" applyFont="1" applyBorder="1">
      <alignment vertical="center"/>
    </xf>
    <xf numFmtId="0" fontId="3" fillId="0" borderId="52" xfId="0" applyFont="1" applyBorder="1">
      <alignment vertical="center"/>
    </xf>
    <xf numFmtId="0" fontId="3" fillId="0" borderId="176" xfId="0" applyFont="1" applyBorder="1">
      <alignment vertical="center"/>
    </xf>
    <xf numFmtId="0" fontId="3" fillId="0" borderId="183" xfId="0" applyFont="1" applyBorder="1">
      <alignment vertical="center"/>
    </xf>
    <xf numFmtId="0" fontId="3" fillId="0" borderId="184" xfId="0" applyFont="1" applyBorder="1">
      <alignment vertical="center"/>
    </xf>
    <xf numFmtId="0" fontId="2" fillId="0" borderId="177" xfId="0" applyFont="1" applyBorder="1" applyAlignment="1">
      <alignment horizontal="center" vertical="center"/>
    </xf>
    <xf numFmtId="0" fontId="2" fillId="0" borderId="178" xfId="0" applyFont="1" applyBorder="1" applyAlignment="1">
      <alignment horizontal="center" vertical="center"/>
    </xf>
    <xf numFmtId="0" fontId="3" fillId="0" borderId="108" xfId="0" applyFont="1" applyBorder="1">
      <alignment vertical="center"/>
    </xf>
    <xf numFmtId="0" fontId="3" fillId="0" borderId="185" xfId="0" applyFont="1" applyBorder="1" applyAlignment="1">
      <alignment horizontal="center" vertical="center"/>
    </xf>
    <xf numFmtId="0" fontId="3" fillId="0" borderId="18" xfId="0" applyFont="1" applyBorder="1" applyAlignment="1">
      <alignment horizontal="center" vertical="center"/>
    </xf>
    <xf numFmtId="0" fontId="3" fillId="0" borderId="16" xfId="0" applyFont="1" applyBorder="1" applyAlignment="1">
      <alignment horizontal="center" vertical="center"/>
    </xf>
    <xf numFmtId="0" fontId="3" fillId="0" borderId="180" xfId="0" applyFont="1" applyBorder="1" applyAlignment="1">
      <alignment horizontal="center" vertical="center"/>
    </xf>
    <xf numFmtId="49" fontId="3" fillId="0" borderId="10" xfId="0" applyNumberFormat="1" applyFont="1" applyBorder="1" applyAlignment="1">
      <alignment horizontal="center" vertical="center"/>
    </xf>
    <xf numFmtId="49" fontId="3" fillId="0" borderId="186" xfId="0" applyNumberFormat="1" applyFont="1" applyBorder="1" applyAlignment="1">
      <alignment horizontal="center" vertical="center"/>
    </xf>
    <xf numFmtId="0" fontId="3" fillId="0" borderId="7" xfId="0" applyFont="1" applyBorder="1">
      <alignment vertical="center"/>
    </xf>
    <xf numFmtId="0" fontId="3" fillId="0" borderId="5" xfId="0" applyFont="1" applyBorder="1">
      <alignment vertical="center"/>
    </xf>
    <xf numFmtId="0" fontId="3" fillId="0" borderId="11" xfId="0" applyFont="1" applyBorder="1">
      <alignment vertical="center"/>
    </xf>
    <xf numFmtId="0" fontId="3" fillId="0" borderId="189" xfId="0" applyFont="1" applyBorder="1">
      <alignment vertical="center"/>
    </xf>
    <xf numFmtId="0" fontId="3" fillId="0" borderId="190" xfId="0" applyFont="1" applyBorder="1">
      <alignment vertical="center"/>
    </xf>
    <xf numFmtId="0" fontId="3" fillId="0" borderId="186" xfId="0" applyFont="1" applyBorder="1" applyAlignment="1">
      <alignment horizontal="center" vertical="center"/>
    </xf>
    <xf numFmtId="0" fontId="2" fillId="0" borderId="9" xfId="0" applyFont="1" applyBorder="1" applyAlignment="1">
      <alignment horizontal="center" vertical="center" textRotation="255"/>
    </xf>
    <xf numFmtId="0" fontId="2" fillId="0" borderId="15" xfId="0" applyFont="1" applyBorder="1" applyAlignment="1">
      <alignment horizontal="center" vertical="center" textRotation="255"/>
    </xf>
    <xf numFmtId="0" fontId="5" fillId="0" borderId="2" xfId="0" applyFont="1" applyBorder="1" applyAlignment="1">
      <alignment vertical="center"/>
    </xf>
    <xf numFmtId="0" fontId="5" fillId="0" borderId="0" xfId="0" applyFont="1" applyBorder="1" applyAlignment="1">
      <alignment vertical="center"/>
    </xf>
    <xf numFmtId="0" fontId="5" fillId="0" borderId="11" xfId="0" applyFont="1" applyBorder="1" applyAlignment="1">
      <alignment vertical="center"/>
    </xf>
    <xf numFmtId="0" fontId="27" fillId="0" borderId="6" xfId="0" applyFont="1" applyBorder="1" applyAlignment="1">
      <alignment horizontal="center" vertical="center"/>
    </xf>
    <xf numFmtId="0" fontId="27" fillId="0" borderId="5" xfId="0" applyFont="1" applyBorder="1" applyAlignment="1">
      <alignment horizontal="center" vertical="center"/>
    </xf>
    <xf numFmtId="0" fontId="27" fillId="0" borderId="2" xfId="0" applyFont="1" applyBorder="1" applyAlignment="1">
      <alignment horizontal="center" vertical="center"/>
    </xf>
    <xf numFmtId="0" fontId="27" fillId="0" borderId="11" xfId="0" applyFont="1" applyBorder="1" applyAlignment="1">
      <alignment horizontal="center" vertical="center"/>
    </xf>
    <xf numFmtId="0" fontId="27" fillId="0" borderId="193" xfId="0" applyFont="1" applyBorder="1" applyAlignment="1">
      <alignment horizontal="center" vertical="center"/>
    </xf>
    <xf numFmtId="0" fontId="27" fillId="0" borderId="190" xfId="0" applyFont="1" applyBorder="1" applyAlignment="1">
      <alignment horizontal="center" vertical="center"/>
    </xf>
    <xf numFmtId="0" fontId="27" fillId="0" borderId="14" xfId="0" applyFont="1" applyBorder="1" applyAlignment="1">
      <alignment horizontal="center" vertical="center"/>
    </xf>
    <xf numFmtId="0" fontId="27" fillId="0" borderId="35" xfId="0" applyFont="1" applyBorder="1" applyAlignment="1">
      <alignment horizontal="center" vertical="center"/>
    </xf>
    <xf numFmtId="0" fontId="27" fillId="0" borderId="191" xfId="0" applyFont="1" applyBorder="1" applyAlignment="1">
      <alignment horizontal="center" vertical="center"/>
    </xf>
    <xf numFmtId="0" fontId="27" fillId="0" borderId="187" xfId="0" applyFont="1" applyBorder="1" applyAlignment="1">
      <alignment horizontal="center" vertical="center"/>
    </xf>
    <xf numFmtId="0" fontId="27" fillId="0" borderId="188" xfId="0" applyFont="1" applyBorder="1" applyAlignment="1">
      <alignment horizontal="center" vertical="center"/>
    </xf>
    <xf numFmtId="0" fontId="27" fillId="0" borderId="192" xfId="0" applyFont="1" applyBorder="1" applyAlignment="1">
      <alignment horizontal="center" vertical="center"/>
    </xf>
    <xf numFmtId="0" fontId="27" fillId="0" borderId="179" xfId="0" applyFont="1" applyBorder="1" applyAlignment="1">
      <alignment horizontal="center" vertical="center"/>
    </xf>
    <xf numFmtId="0" fontId="27" fillId="0" borderId="180" xfId="0" applyFont="1" applyBorder="1" applyAlignment="1">
      <alignment horizontal="center" vertical="center"/>
    </xf>
    <xf numFmtId="0" fontId="27" fillId="0" borderId="175" xfId="0" applyFont="1" applyBorder="1" applyAlignment="1">
      <alignment horizontal="center" vertical="center"/>
    </xf>
    <xf numFmtId="0" fontId="27" fillId="0" borderId="176" xfId="0" applyFont="1" applyBorder="1" applyAlignment="1">
      <alignment horizontal="center" vertical="center"/>
    </xf>
    <xf numFmtId="0" fontId="27" fillId="0" borderId="181" xfId="0" applyFont="1" applyBorder="1" applyAlignment="1">
      <alignment horizontal="center" vertical="center"/>
    </xf>
    <xf numFmtId="0" fontId="27" fillId="0" borderId="184" xfId="0" applyFont="1" applyBorder="1" applyAlignment="1">
      <alignment horizontal="center" vertical="center"/>
    </xf>
    <xf numFmtId="0" fontId="0" fillId="0" borderId="1" xfId="0" applyBorder="1">
      <alignment vertical="center"/>
    </xf>
    <xf numFmtId="0" fontId="3" fillId="0" borderId="179" xfId="0" applyFont="1" applyBorder="1" applyAlignment="1">
      <alignment horizontal="center" vertical="center"/>
    </xf>
    <xf numFmtId="0" fontId="0" fillId="0" borderId="7" xfId="0" applyBorder="1" applyAlignment="1">
      <alignment horizontal="center" vertical="center"/>
    </xf>
    <xf numFmtId="0" fontId="0" fillId="0" borderId="0" xfId="0" applyAlignment="1">
      <alignment horizontal="center" vertical="center"/>
    </xf>
    <xf numFmtId="0" fontId="0" fillId="0" borderId="1" xfId="0" applyBorder="1" applyAlignment="1">
      <alignment horizontal="center" vertical="center"/>
    </xf>
    <xf numFmtId="0" fontId="3" fillId="0" borderId="197" xfId="0" applyFont="1" applyBorder="1">
      <alignment vertical="center"/>
    </xf>
    <xf numFmtId="0" fontId="3" fillId="0" borderId="195" xfId="0" applyFont="1" applyBorder="1">
      <alignment vertical="center"/>
    </xf>
    <xf numFmtId="0" fontId="3" fillId="0" borderId="198" xfId="0" applyFont="1" applyBorder="1">
      <alignment vertical="center"/>
    </xf>
    <xf numFmtId="0" fontId="2" fillId="0" borderId="174" xfId="0" applyFont="1" applyBorder="1" applyAlignment="1">
      <alignment horizontal="center" vertical="center" textRotation="255"/>
    </xf>
    <xf numFmtId="0" fontId="2" fillId="0" borderId="176" xfId="0" applyFont="1" applyBorder="1" applyAlignment="1">
      <alignment horizontal="center" vertical="center" textRotation="255"/>
    </xf>
    <xf numFmtId="0" fontId="2" fillId="0" borderId="172" xfId="0" applyFont="1" applyBorder="1" applyAlignment="1">
      <alignment horizontal="center" vertical="center" textRotation="255"/>
    </xf>
    <xf numFmtId="0" fontId="2" fillId="0" borderId="175" xfId="0" applyFont="1" applyBorder="1" applyAlignment="1">
      <alignment horizontal="center" vertical="center" textRotation="255"/>
    </xf>
    <xf numFmtId="0" fontId="3" fillId="0" borderId="13" xfId="0" applyFont="1" applyBorder="1">
      <alignment vertical="center"/>
    </xf>
    <xf numFmtId="0" fontId="3" fillId="0" borderId="33" xfId="0" applyFont="1" applyBorder="1">
      <alignment vertical="center"/>
    </xf>
    <xf numFmtId="0" fontId="3" fillId="0" borderId="34" xfId="0" applyFont="1" applyBorder="1">
      <alignment vertical="center"/>
    </xf>
    <xf numFmtId="0" fontId="3" fillId="0" borderId="177" xfId="0" applyFont="1" applyBorder="1" applyAlignment="1">
      <alignment horizontal="center" vertical="center"/>
    </xf>
    <xf numFmtId="0" fontId="3" fillId="0" borderId="178" xfId="0" applyFont="1" applyBorder="1" applyAlignment="1">
      <alignment horizontal="center" vertical="center"/>
    </xf>
    <xf numFmtId="0" fontId="2" fillId="0" borderId="6" xfId="0" applyFont="1" applyBorder="1" applyAlignment="1">
      <alignment horizontal="center" vertical="center" wrapText="1"/>
    </xf>
    <xf numFmtId="0" fontId="2" fillId="0" borderId="180" xfId="0" applyFont="1" applyBorder="1" applyAlignment="1">
      <alignment horizontal="center" vertical="center"/>
    </xf>
    <xf numFmtId="0" fontId="2" fillId="0" borderId="2" xfId="0" applyFont="1" applyBorder="1" applyAlignment="1">
      <alignment horizontal="center" vertical="center"/>
    </xf>
    <xf numFmtId="0" fontId="2" fillId="0" borderId="176" xfId="0" applyFont="1" applyBorder="1" applyAlignment="1">
      <alignment horizontal="center" vertical="center"/>
    </xf>
    <xf numFmtId="0" fontId="2" fillId="0" borderId="5" xfId="0" applyFont="1" applyBorder="1" applyAlignment="1">
      <alignment horizontal="center" vertical="center"/>
    </xf>
    <xf numFmtId="0" fontId="2" fillId="0" borderId="11" xfId="0" applyFont="1" applyBorder="1" applyAlignment="1">
      <alignment horizontal="center" vertical="center"/>
    </xf>
    <xf numFmtId="0" fontId="2" fillId="0" borderId="179" xfId="0" applyFont="1" applyBorder="1" applyAlignment="1">
      <alignment horizontal="center" vertical="center" wrapText="1"/>
    </xf>
    <xf numFmtId="0" fontId="2" fillId="0" borderId="175" xfId="0" applyFont="1" applyBorder="1" applyAlignment="1">
      <alignment horizontal="center" vertical="center"/>
    </xf>
    <xf numFmtId="0" fontId="3" fillId="0" borderId="7" xfId="0" applyFont="1" applyBorder="1" applyAlignment="1">
      <alignment horizontal="distributed" vertical="center"/>
    </xf>
    <xf numFmtId="0" fontId="3" fillId="0" borderId="0" xfId="0" applyFont="1" applyBorder="1" applyAlignment="1">
      <alignment horizontal="distributed" vertical="center"/>
    </xf>
    <xf numFmtId="0" fontId="2" fillId="0" borderId="4" xfId="0" applyFont="1" applyBorder="1" applyAlignment="1">
      <alignment horizontal="center" vertical="center"/>
    </xf>
    <xf numFmtId="0" fontId="2" fillId="0" borderId="3" xfId="0" applyFont="1" applyBorder="1" applyAlignment="1">
      <alignment horizontal="center" vertical="center"/>
    </xf>
    <xf numFmtId="0" fontId="3" fillId="0" borderId="14" xfId="0" applyFont="1" applyBorder="1">
      <alignment vertical="center"/>
    </xf>
    <xf numFmtId="0" fontId="3" fillId="0" borderId="35" xfId="0" applyFont="1" applyBorder="1">
      <alignment vertical="center"/>
    </xf>
    <xf numFmtId="0" fontId="3" fillId="0" borderId="9" xfId="0" applyFont="1" applyBorder="1">
      <alignment vertical="center"/>
    </xf>
    <xf numFmtId="0" fontId="3" fillId="0" borderId="15" xfId="0" applyFont="1" applyBorder="1">
      <alignment vertical="center"/>
    </xf>
    <xf numFmtId="0" fontId="27" fillId="0" borderId="123" xfId="0" applyFont="1" applyBorder="1">
      <alignment vertical="center"/>
    </xf>
    <xf numFmtId="0" fontId="27" fillId="0" borderId="140" xfId="0" applyFont="1" applyBorder="1">
      <alignment vertical="center"/>
    </xf>
    <xf numFmtId="0" fontId="27" fillId="0" borderId="2" xfId="0" applyFont="1" applyBorder="1">
      <alignment vertical="center"/>
    </xf>
    <xf numFmtId="0" fontId="27" fillId="0" borderId="3" xfId="0" applyFont="1" applyBorder="1">
      <alignment vertical="center"/>
    </xf>
    <xf numFmtId="0" fontId="27" fillId="0" borderId="35" xfId="0" applyFont="1" applyBorder="1">
      <alignment vertical="center"/>
    </xf>
    <xf numFmtId="0" fontId="27" fillId="0" borderId="36" xfId="0" applyFont="1" applyBorder="1">
      <alignment vertical="center"/>
    </xf>
    <xf numFmtId="0" fontId="27" fillId="0" borderId="52" xfId="0" applyFont="1" applyBorder="1">
      <alignment vertical="center"/>
    </xf>
    <xf numFmtId="0" fontId="27" fillId="0" borderId="108" xfId="0" applyFont="1" applyBorder="1">
      <alignment vertical="center"/>
    </xf>
    <xf numFmtId="0" fontId="27" fillId="0" borderId="15" xfId="0" applyFont="1" applyBorder="1">
      <alignment vertical="center"/>
    </xf>
    <xf numFmtId="0" fontId="27" fillId="0" borderId="8" xfId="0" applyFont="1" applyBorder="1">
      <alignment vertical="center"/>
    </xf>
    <xf numFmtId="0" fontId="25" fillId="0" borderId="9" xfId="0" applyFont="1" applyBorder="1" applyAlignment="1">
      <alignment vertical="center" textRotation="255"/>
    </xf>
    <xf numFmtId="0" fontId="25" fillId="0" borderId="15" xfId="0" applyFont="1" applyBorder="1" applyAlignment="1">
      <alignment vertical="center" textRotation="255"/>
    </xf>
    <xf numFmtId="0" fontId="25" fillId="0" borderId="8" xfId="0" applyFont="1" applyBorder="1" applyAlignment="1">
      <alignment vertical="center" textRotation="255"/>
    </xf>
    <xf numFmtId="0" fontId="3" fillId="0" borderId="12" xfId="0" applyFont="1" applyBorder="1">
      <alignment vertical="center"/>
    </xf>
    <xf numFmtId="0" fontId="3" fillId="0" borderId="123" xfId="0" applyFont="1" applyBorder="1">
      <alignment vertical="center"/>
    </xf>
    <xf numFmtId="0" fontId="3" fillId="0" borderId="0" xfId="0" applyFont="1" applyBorder="1" applyAlignment="1">
      <alignment horizontal="center" vertical="center" wrapText="1"/>
    </xf>
    <xf numFmtId="0" fontId="3" fillId="0" borderId="11" xfId="0" applyFont="1" applyBorder="1" applyAlignment="1">
      <alignment horizontal="center" vertical="center" wrapText="1"/>
    </xf>
    <xf numFmtId="0" fontId="16" fillId="0" borderId="7" xfId="0" applyFont="1" applyBorder="1" applyAlignment="1">
      <alignment horizontal="center" vertical="center" wrapText="1"/>
    </xf>
    <xf numFmtId="0" fontId="16" fillId="0" borderId="5" xfId="0" applyFont="1" applyBorder="1" applyAlignment="1">
      <alignment horizontal="center" vertical="center" wrapText="1"/>
    </xf>
    <xf numFmtId="0" fontId="16" fillId="0" borderId="0" xfId="0" applyFont="1" applyBorder="1" applyAlignment="1">
      <alignment horizontal="center" vertical="center" wrapText="1"/>
    </xf>
    <xf numFmtId="0" fontId="16" fillId="0" borderId="11" xfId="0" applyFont="1" applyBorder="1" applyAlignment="1">
      <alignment horizontal="center" vertical="center" wrapText="1"/>
    </xf>
    <xf numFmtId="0" fontId="3" fillId="0" borderId="36" xfId="0" applyFont="1" applyBorder="1">
      <alignment vertical="center"/>
    </xf>
    <xf numFmtId="0" fontId="3" fillId="0" borderId="8" xfId="0" applyFont="1" applyBorder="1">
      <alignment vertical="center"/>
    </xf>
    <xf numFmtId="49" fontId="3" fillId="0" borderId="18" xfId="0" applyNumberFormat="1" applyFont="1" applyBorder="1" applyAlignment="1">
      <alignment horizontal="center" vertical="center"/>
    </xf>
    <xf numFmtId="49" fontId="3" fillId="0" borderId="6" xfId="0" applyNumberFormat="1" applyFont="1" applyBorder="1">
      <alignment vertical="center"/>
    </xf>
    <xf numFmtId="49" fontId="3" fillId="0" borderId="7" xfId="0" applyNumberFormat="1" applyFont="1" applyBorder="1">
      <alignment vertical="center"/>
    </xf>
    <xf numFmtId="49" fontId="3" fillId="0" borderId="5" xfId="0" applyNumberFormat="1" applyFont="1" applyBorder="1">
      <alignment vertical="center"/>
    </xf>
    <xf numFmtId="0" fontId="3" fillId="0" borderId="4" xfId="0" applyFont="1" applyBorder="1">
      <alignment vertical="center"/>
    </xf>
    <xf numFmtId="0" fontId="3" fillId="0" borderId="6" xfId="0" applyFont="1" applyBorder="1" applyAlignment="1">
      <alignment horizontal="center" vertical="center" wrapText="1"/>
    </xf>
    <xf numFmtId="0" fontId="3" fillId="0" borderId="180" xfId="0" applyFont="1" applyBorder="1" applyAlignment="1">
      <alignment horizontal="center" vertical="center" wrapText="1"/>
    </xf>
    <xf numFmtId="0" fontId="3" fillId="0" borderId="2" xfId="0" applyFont="1" applyBorder="1" applyAlignment="1">
      <alignment horizontal="center" vertical="center" wrapText="1"/>
    </xf>
    <xf numFmtId="0" fontId="3" fillId="0" borderId="176" xfId="0" applyFont="1" applyBorder="1" applyAlignment="1">
      <alignment horizontal="center" vertical="center" wrapText="1"/>
    </xf>
    <xf numFmtId="0" fontId="3" fillId="0" borderId="46" xfId="0" applyFont="1" applyBorder="1">
      <alignment vertical="center"/>
    </xf>
    <xf numFmtId="0" fontId="3" fillId="0" borderId="187" xfId="0" applyFont="1" applyBorder="1">
      <alignment vertical="center"/>
    </xf>
    <xf numFmtId="0" fontId="3" fillId="0" borderId="188" xfId="0" applyFont="1" applyBorder="1">
      <alignment vertical="center"/>
    </xf>
    <xf numFmtId="0" fontId="3" fillId="0" borderId="192" xfId="0" applyFont="1" applyBorder="1">
      <alignment vertical="center"/>
    </xf>
    <xf numFmtId="0" fontId="3" fillId="0" borderId="191" xfId="0" applyFont="1" applyBorder="1">
      <alignment vertical="center"/>
    </xf>
    <xf numFmtId="0" fontId="3" fillId="0" borderId="1" xfId="0" applyFont="1" applyBorder="1">
      <alignment vertical="center"/>
    </xf>
    <xf numFmtId="0" fontId="4" fillId="0" borderId="18" xfId="0" applyFont="1" applyBorder="1" applyAlignment="1">
      <alignment horizontal="center" vertical="center"/>
    </xf>
    <xf numFmtId="0" fontId="4" fillId="0" borderId="16" xfId="0" applyFont="1" applyBorder="1" applyAlignment="1">
      <alignment horizontal="center" vertical="center"/>
    </xf>
    <xf numFmtId="0" fontId="3" fillId="0" borderId="201" xfId="0" applyFont="1" applyBorder="1" applyAlignment="1">
      <alignment horizontal="center" vertical="center"/>
    </xf>
    <xf numFmtId="0" fontId="3" fillId="0" borderId="199" xfId="0" applyFont="1" applyBorder="1" applyAlignment="1">
      <alignment horizontal="center" vertical="center"/>
    </xf>
    <xf numFmtId="0" fontId="2" fillId="0" borderId="9" xfId="0" applyFont="1" applyBorder="1" applyAlignment="1">
      <alignment vertical="center" textRotation="255"/>
    </xf>
    <xf numFmtId="0" fontId="2" fillId="0" borderId="15" xfId="0" applyFont="1" applyBorder="1" applyAlignment="1">
      <alignment vertical="center" textRotation="255"/>
    </xf>
    <xf numFmtId="0" fontId="3" fillId="0" borderId="202" xfId="0" applyFont="1" applyBorder="1">
      <alignment vertical="center"/>
    </xf>
    <xf numFmtId="0" fontId="3" fillId="0" borderId="9" xfId="0" applyFont="1" applyBorder="1" applyAlignment="1">
      <alignment horizontal="center" vertical="center"/>
    </xf>
    <xf numFmtId="0" fontId="3" fillId="0" borderId="15" xfId="0" applyFont="1" applyBorder="1" applyAlignment="1">
      <alignment horizontal="center" vertical="center"/>
    </xf>
    <xf numFmtId="0" fontId="3" fillId="0" borderId="203" xfId="0" applyFont="1" applyBorder="1" applyAlignment="1">
      <alignment horizontal="center" vertical="center"/>
    </xf>
    <xf numFmtId="0" fontId="3" fillId="0" borderId="193" xfId="0" applyFont="1" applyBorder="1" applyAlignment="1">
      <alignment horizontal="center" vertical="center"/>
    </xf>
    <xf numFmtId="0" fontId="3" fillId="0" borderId="12" xfId="0" applyFont="1" applyBorder="1" applyAlignment="1">
      <alignment horizontal="center" vertical="center"/>
    </xf>
    <xf numFmtId="0" fontId="3" fillId="0" borderId="123" xfId="0" applyFont="1" applyBorder="1" applyAlignment="1">
      <alignment horizontal="center" vertical="center"/>
    </xf>
    <xf numFmtId="0" fontId="3" fillId="0" borderId="202" xfId="0" applyFont="1" applyBorder="1" applyAlignment="1">
      <alignment horizontal="center" vertical="center"/>
    </xf>
    <xf numFmtId="0" fontId="0" fillId="0" borderId="52" xfId="0" applyBorder="1">
      <alignment vertical="center"/>
    </xf>
    <xf numFmtId="0" fontId="0" fillId="0" borderId="183" xfId="0" applyBorder="1">
      <alignment vertical="center"/>
    </xf>
    <xf numFmtId="0" fontId="6" fillId="0" borderId="200" xfId="0" applyFont="1" applyBorder="1" applyAlignment="1">
      <alignment horizontal="center" vertical="center" textRotation="255"/>
    </xf>
    <xf numFmtId="0" fontId="6" fillId="0" borderId="15" xfId="0" applyFont="1" applyBorder="1" applyAlignment="1">
      <alignment horizontal="center" vertical="center" textRotation="255"/>
    </xf>
    <xf numFmtId="49" fontId="0" fillId="0" borderId="18" xfId="0" applyNumberFormat="1" applyBorder="1" applyAlignment="1">
      <alignment horizontal="center" vertical="center"/>
    </xf>
    <xf numFmtId="0" fontId="3" fillId="0" borderId="187" xfId="0" applyFont="1" applyBorder="1" applyAlignment="1">
      <alignment horizontal="center" vertical="center"/>
    </xf>
    <xf numFmtId="0" fontId="3" fillId="0" borderId="188" xfId="0" applyFont="1" applyBorder="1" applyAlignment="1">
      <alignment horizontal="center" vertical="center"/>
    </xf>
    <xf numFmtId="0" fontId="3" fillId="0" borderId="192" xfId="0" applyFont="1" applyBorder="1" applyAlignment="1">
      <alignment horizontal="center" vertical="center"/>
    </xf>
    <xf numFmtId="0" fontId="27" fillId="0" borderId="11" xfId="0" applyFont="1" applyBorder="1">
      <alignment vertical="center"/>
    </xf>
    <xf numFmtId="0" fontId="27" fillId="0" borderId="4" xfId="0" applyFont="1" applyBorder="1">
      <alignment vertical="center"/>
    </xf>
    <xf numFmtId="0" fontId="5" fillId="0" borderId="11" xfId="0" applyFont="1" applyBorder="1">
      <alignment vertical="center"/>
    </xf>
    <xf numFmtId="0" fontId="5" fillId="0" borderId="5" xfId="0" applyFont="1" applyBorder="1">
      <alignment vertical="center"/>
    </xf>
    <xf numFmtId="0" fontId="3" fillId="0" borderId="9" xfId="0" applyFont="1" applyBorder="1" applyAlignment="1">
      <alignment vertical="center" textRotation="255"/>
    </xf>
    <xf numFmtId="0" fontId="3" fillId="0" borderId="15" xfId="0" applyFont="1" applyBorder="1" applyAlignment="1">
      <alignment vertical="center" textRotation="255"/>
    </xf>
    <xf numFmtId="0" fontId="3" fillId="0" borderId="203" xfId="0" applyFont="1" applyBorder="1" applyAlignment="1">
      <alignment vertical="center" textRotation="255"/>
    </xf>
    <xf numFmtId="0" fontId="6" fillId="0" borderId="6" xfId="0" applyFont="1" applyBorder="1" applyAlignment="1">
      <alignment horizontal="center" vertical="center" wrapText="1"/>
    </xf>
    <xf numFmtId="0" fontId="6" fillId="0" borderId="5" xfId="0" applyFont="1" applyBorder="1" applyAlignment="1">
      <alignment horizontal="center" vertical="center"/>
    </xf>
    <xf numFmtId="0" fontId="2" fillId="0" borderId="5" xfId="0" applyFont="1" applyBorder="1" applyAlignment="1">
      <alignment horizontal="center" vertical="center" textRotation="255"/>
    </xf>
    <xf numFmtId="0" fontId="2" fillId="0" borderId="11" xfId="0" applyFont="1" applyBorder="1" applyAlignment="1">
      <alignment horizontal="center" vertical="center" textRotation="255"/>
    </xf>
    <xf numFmtId="0" fontId="0" fillId="0" borderId="9" xfId="0" applyBorder="1">
      <alignment vertical="center"/>
    </xf>
    <xf numFmtId="0" fontId="0" fillId="0" borderId="15" xfId="0" applyBorder="1">
      <alignment vertical="center"/>
    </xf>
    <xf numFmtId="0" fontId="2" fillId="0" borderId="6" xfId="0" applyFont="1" applyBorder="1" applyAlignment="1">
      <alignment horizontal="center" vertical="center" textRotation="255"/>
    </xf>
    <xf numFmtId="0" fontId="2" fillId="0" borderId="2" xfId="0" applyFont="1" applyBorder="1" applyAlignment="1">
      <alignment horizontal="center" vertical="center" textRotation="255"/>
    </xf>
    <xf numFmtId="49" fontId="3" fillId="0" borderId="16" xfId="0" applyNumberFormat="1" applyFont="1" applyBorder="1" applyAlignment="1">
      <alignment horizontal="center" vertical="center"/>
    </xf>
    <xf numFmtId="0" fontId="3" fillId="0" borderId="6" xfId="0" applyFont="1" applyBorder="1">
      <alignment vertical="center"/>
    </xf>
    <xf numFmtId="0" fontId="3" fillId="0" borderId="2" xfId="0" applyFont="1" applyBorder="1">
      <alignment vertical="center"/>
    </xf>
    <xf numFmtId="0" fontId="3" fillId="0" borderId="3" xfId="0" applyFont="1" applyBorder="1">
      <alignment vertical="center"/>
    </xf>
    <xf numFmtId="0" fontId="3" fillId="0" borderId="10" xfId="0" applyFont="1" applyBorder="1" applyAlignment="1">
      <alignment horizontal="center" vertical="center"/>
    </xf>
    <xf numFmtId="0" fontId="3" fillId="0" borderId="140" xfId="0" applyFont="1" applyBorder="1">
      <alignment vertical="center"/>
    </xf>
    <xf numFmtId="0" fontId="4" fillId="0" borderId="10" xfId="0" applyFont="1" applyBorder="1" applyAlignment="1">
      <alignment horizontal="center" vertical="center"/>
    </xf>
    <xf numFmtId="0" fontId="6" fillId="0" borderId="9" xfId="0" applyFont="1" applyBorder="1" applyAlignment="1">
      <alignment horizontal="center" vertical="center" textRotation="255"/>
    </xf>
    <xf numFmtId="0" fontId="16" fillId="0" borderId="6" xfId="0" applyFont="1" applyBorder="1" applyAlignment="1">
      <alignment horizontal="center" vertical="center" wrapText="1"/>
    </xf>
    <xf numFmtId="0" fontId="16" fillId="0" borderId="2" xfId="0" applyFont="1" applyBorder="1" applyAlignment="1">
      <alignment horizontal="center" vertical="center" wrapText="1"/>
    </xf>
    <xf numFmtId="0" fontId="3" fillId="0" borderId="5" xfId="0" applyFont="1" applyBorder="1" applyAlignment="1">
      <alignment horizontal="center" vertical="center" wrapText="1"/>
    </xf>
    <xf numFmtId="49" fontId="0" fillId="0" borderId="16" xfId="0" applyNumberFormat="1" applyBorder="1" applyAlignment="1">
      <alignment horizontal="center" vertical="center"/>
    </xf>
    <xf numFmtId="0" fontId="0" fillId="0" borderId="108" xfId="0" applyBorder="1">
      <alignment vertical="center"/>
    </xf>
    <xf numFmtId="0" fontId="3" fillId="0" borderId="8" xfId="0" applyFont="1" applyBorder="1" applyAlignment="1">
      <alignment vertical="center" textRotation="255"/>
    </xf>
    <xf numFmtId="0" fontId="3" fillId="0" borderId="8" xfId="0" applyFont="1" applyBorder="1" applyAlignment="1">
      <alignment horizontal="center" vertical="center"/>
    </xf>
    <xf numFmtId="0" fontId="3" fillId="0" borderId="140" xfId="0" applyFont="1" applyBorder="1" applyAlignment="1">
      <alignment horizontal="center" vertical="center"/>
    </xf>
    <xf numFmtId="0" fontId="86" fillId="0" borderId="6" xfId="0" applyFont="1" applyFill="1" applyBorder="1" applyAlignment="1">
      <alignment horizontal="left" vertical="center"/>
    </xf>
    <xf numFmtId="0" fontId="86" fillId="0" borderId="7" xfId="0" applyFont="1" applyFill="1" applyBorder="1" applyAlignment="1">
      <alignment horizontal="left" vertical="center"/>
    </xf>
    <xf numFmtId="0" fontId="86" fillId="0" borderId="5" xfId="0" applyFont="1" applyFill="1" applyBorder="1" applyAlignment="1">
      <alignment horizontal="left" vertical="center"/>
    </xf>
    <xf numFmtId="0" fontId="86" fillId="0" borderId="2" xfId="0" applyFont="1" applyFill="1" applyBorder="1" applyAlignment="1">
      <alignment horizontal="left" vertical="center"/>
    </xf>
    <xf numFmtId="0" fontId="86" fillId="0" borderId="0" xfId="0" applyFont="1" applyFill="1" applyBorder="1" applyAlignment="1">
      <alignment horizontal="left" vertical="center"/>
    </xf>
    <xf numFmtId="0" fontId="86" fillId="0" borderId="11" xfId="0" applyFont="1" applyFill="1" applyBorder="1" applyAlignment="1">
      <alignment horizontal="left" vertical="center"/>
    </xf>
    <xf numFmtId="0" fontId="5" fillId="0" borderId="2" xfId="0" applyFont="1" applyFill="1" applyBorder="1" applyAlignment="1">
      <alignment horizontal="left" vertical="center"/>
    </xf>
    <xf numFmtId="0" fontId="5" fillId="0" borderId="0" xfId="0" applyFont="1" applyFill="1" applyBorder="1" applyAlignment="1">
      <alignment horizontal="left" vertical="center"/>
    </xf>
    <xf numFmtId="0" fontId="5" fillId="0" borderId="11" xfId="0" applyFont="1" applyFill="1" applyBorder="1" applyAlignment="1">
      <alignment horizontal="left" vertical="center"/>
    </xf>
    <xf numFmtId="0" fontId="5" fillId="0" borderId="3" xfId="0" applyFont="1" applyFill="1" applyBorder="1" applyAlignment="1">
      <alignment horizontal="left" vertical="center"/>
    </xf>
    <xf numFmtId="0" fontId="5" fillId="0" borderId="1" xfId="0" applyFont="1" applyFill="1" applyBorder="1" applyAlignment="1">
      <alignment horizontal="left" vertical="center"/>
    </xf>
    <xf numFmtId="0" fontId="5" fillId="0" borderId="4" xfId="0" applyFont="1" applyFill="1" applyBorder="1" applyAlignment="1">
      <alignment horizontal="left" vertical="center"/>
    </xf>
    <xf numFmtId="0" fontId="5" fillId="0" borderId="2" xfId="0" applyFont="1" applyBorder="1" applyAlignment="1">
      <alignment horizontal="left" vertical="top"/>
    </xf>
    <xf numFmtId="0" fontId="5" fillId="0" borderId="0" xfId="0" applyFont="1" applyBorder="1" applyAlignment="1">
      <alignment horizontal="left" vertical="top"/>
    </xf>
    <xf numFmtId="0" fontId="5" fillId="0" borderId="11" xfId="0" applyFont="1" applyBorder="1" applyAlignment="1">
      <alignment horizontal="left" vertical="top"/>
    </xf>
    <xf numFmtId="0" fontId="5" fillId="0" borderId="3" xfId="0" applyFont="1" applyBorder="1" applyAlignment="1">
      <alignment horizontal="left" vertical="top"/>
    </xf>
    <xf numFmtId="0" fontId="5" fillId="0" borderId="1" xfId="0" applyFont="1" applyBorder="1" applyAlignment="1">
      <alignment horizontal="left" vertical="top"/>
    </xf>
    <xf numFmtId="0" fontId="5" fillId="0" borderId="4" xfId="0" applyFont="1" applyBorder="1" applyAlignment="1">
      <alignment horizontal="left" vertical="top"/>
    </xf>
    <xf numFmtId="0" fontId="5" fillId="0" borderId="3" xfId="0" applyFont="1" applyBorder="1">
      <alignment vertical="center"/>
    </xf>
    <xf numFmtId="0" fontId="5" fillId="0" borderId="1" xfId="0" applyFont="1" applyBorder="1">
      <alignment vertical="center"/>
    </xf>
    <xf numFmtId="0" fontId="5" fillId="0" borderId="4" xfId="0" applyFont="1" applyBorder="1">
      <alignment vertical="center"/>
    </xf>
    <xf numFmtId="0" fontId="9" fillId="0" borderId="0" xfId="0" applyFont="1" applyBorder="1" applyAlignment="1">
      <alignment horizontal="center" vertical="center"/>
    </xf>
    <xf numFmtId="0" fontId="9" fillId="0" borderId="105" xfId="0" applyFont="1" applyBorder="1" applyAlignment="1">
      <alignment horizontal="center" vertical="center"/>
    </xf>
    <xf numFmtId="0" fontId="9" fillId="0" borderId="20" xfId="0" applyFont="1" applyBorder="1" applyAlignment="1">
      <alignment horizontal="center" vertical="center"/>
    </xf>
    <xf numFmtId="0" fontId="9" fillId="0" borderId="22" xfId="0" applyFont="1" applyBorder="1" applyAlignment="1">
      <alignment horizontal="center" vertical="center"/>
    </xf>
    <xf numFmtId="0" fontId="9" fillId="0" borderId="37" xfId="0" applyFont="1" applyBorder="1" applyAlignment="1">
      <alignment horizontal="center" vertical="center"/>
    </xf>
    <xf numFmtId="0" fontId="9" fillId="0" borderId="1" xfId="0" applyFont="1" applyBorder="1" applyAlignment="1">
      <alignment horizontal="center" vertical="center"/>
    </xf>
    <xf numFmtId="0" fontId="9" fillId="0" borderId="25" xfId="0" applyFont="1" applyBorder="1" applyAlignment="1">
      <alignment horizontal="center" vertical="center"/>
    </xf>
    <xf numFmtId="0" fontId="5" fillId="0" borderId="6" xfId="0" applyFont="1" applyBorder="1" applyAlignment="1">
      <alignment horizontal="distributed" vertical="center"/>
    </xf>
    <xf numFmtId="0" fontId="5" fillId="0" borderId="7" xfId="0" applyFont="1" applyBorder="1" applyAlignment="1">
      <alignment horizontal="distributed" vertical="center"/>
    </xf>
    <xf numFmtId="0" fontId="5" fillId="0" borderId="5" xfId="0" applyFont="1" applyBorder="1" applyAlignment="1">
      <alignment horizontal="distributed" vertical="center"/>
    </xf>
    <xf numFmtId="0" fontId="5" fillId="0" borderId="2" xfId="0" applyFont="1" applyBorder="1" applyAlignment="1">
      <alignment horizontal="distributed" vertical="center"/>
    </xf>
    <xf numFmtId="0" fontId="5" fillId="0" borderId="0" xfId="0" applyFont="1" applyBorder="1" applyAlignment="1">
      <alignment horizontal="distributed" vertical="center"/>
    </xf>
    <xf numFmtId="0" fontId="5" fillId="0" borderId="11" xfId="0" applyFont="1" applyBorder="1" applyAlignment="1">
      <alignment horizontal="distributed" vertical="center"/>
    </xf>
    <xf numFmtId="0" fontId="5" fillId="0" borderId="3" xfId="0" applyFont="1" applyBorder="1" applyAlignment="1">
      <alignment horizontal="distributed" vertical="center"/>
    </xf>
    <xf numFmtId="0" fontId="5" fillId="0" borderId="1" xfId="0" applyFont="1" applyBorder="1" applyAlignment="1">
      <alignment horizontal="distributed" vertical="center"/>
    </xf>
    <xf numFmtId="0" fontId="5" fillId="0" borderId="4" xfId="0" applyFont="1" applyBorder="1" applyAlignment="1">
      <alignment horizontal="distributed"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5" xfId="0" applyFont="1" applyBorder="1" applyAlignment="1">
      <alignment horizontal="center" vertical="center"/>
    </xf>
    <xf numFmtId="0" fontId="5" fillId="0" borderId="3" xfId="0" applyFont="1" applyBorder="1" applyAlignment="1">
      <alignment horizontal="center" vertical="center"/>
    </xf>
    <xf numFmtId="0" fontId="5" fillId="0" borderId="1" xfId="0" applyFont="1" applyBorder="1" applyAlignment="1">
      <alignment horizontal="center" vertical="center"/>
    </xf>
    <xf numFmtId="0" fontId="5" fillId="0" borderId="4" xfId="0" applyFont="1" applyBorder="1" applyAlignment="1">
      <alignment horizontal="center" vertical="center"/>
    </xf>
    <xf numFmtId="49" fontId="5" fillId="0" borderId="6" xfId="0" applyNumberFormat="1" applyFont="1" applyBorder="1" applyAlignment="1">
      <alignment horizontal="center" vertical="center"/>
    </xf>
    <xf numFmtId="49" fontId="5" fillId="0" borderId="7" xfId="0" applyNumberFormat="1" applyFont="1" applyBorder="1" applyAlignment="1">
      <alignment horizontal="center" vertical="center"/>
    </xf>
    <xf numFmtId="49" fontId="5" fillId="0" borderId="5" xfId="0" applyNumberFormat="1" applyFont="1" applyBorder="1" applyAlignment="1">
      <alignment horizontal="center" vertical="center"/>
    </xf>
    <xf numFmtId="49" fontId="5" fillId="0" borderId="3" xfId="0" applyNumberFormat="1" applyFont="1" applyBorder="1" applyAlignment="1">
      <alignment horizontal="center" vertical="center"/>
    </xf>
    <xf numFmtId="49" fontId="5" fillId="0" borderId="1" xfId="0" applyNumberFormat="1" applyFont="1" applyBorder="1" applyAlignment="1">
      <alignment horizontal="center" vertical="center"/>
    </xf>
    <xf numFmtId="49" fontId="5" fillId="0" borderId="4" xfId="0" applyNumberFormat="1" applyFont="1" applyBorder="1" applyAlignment="1">
      <alignment horizontal="center" vertical="center"/>
    </xf>
    <xf numFmtId="0" fontId="4" fillId="0" borderId="2" xfId="0" applyFont="1" applyBorder="1" applyAlignment="1">
      <alignment horizontal="center" vertical="center" wrapText="1"/>
    </xf>
    <xf numFmtId="0" fontId="4" fillId="0" borderId="0" xfId="0" applyFont="1" applyBorder="1" applyAlignment="1">
      <alignment horizontal="center" vertical="center" wrapText="1"/>
    </xf>
    <xf numFmtId="0" fontId="4" fillId="0" borderId="11" xfId="0" applyFont="1" applyBorder="1" applyAlignment="1">
      <alignment horizontal="center" vertical="center" wrapText="1"/>
    </xf>
    <xf numFmtId="0" fontId="7" fillId="0" borderId="6" xfId="0" applyFont="1" applyBorder="1" applyAlignment="1">
      <alignment horizontal="center" vertical="center" wrapText="1"/>
    </xf>
    <xf numFmtId="0" fontId="7" fillId="0" borderId="7" xfId="0" applyFont="1" applyBorder="1" applyAlignment="1">
      <alignment horizontal="center" vertical="center" wrapText="1"/>
    </xf>
    <xf numFmtId="0" fontId="7" fillId="0" borderId="5" xfId="0" applyFont="1" applyBorder="1" applyAlignment="1">
      <alignment horizontal="center" vertical="center" wrapText="1"/>
    </xf>
    <xf numFmtId="0" fontId="7" fillId="0" borderId="2" xfId="0" applyFont="1" applyBorder="1" applyAlignment="1">
      <alignment horizontal="center" vertical="center" wrapText="1"/>
    </xf>
    <xf numFmtId="0" fontId="7" fillId="0" borderId="0" xfId="0" applyFont="1" applyBorder="1" applyAlignment="1">
      <alignment horizontal="center" vertical="center" wrapText="1"/>
    </xf>
    <xf numFmtId="0" fontId="7" fillId="0" borderId="11" xfId="0" applyFont="1" applyBorder="1" applyAlignment="1">
      <alignment horizontal="center" vertical="center" wrapText="1"/>
    </xf>
    <xf numFmtId="0" fontId="81" fillId="0" borderId="6" xfId="0" applyFont="1" applyBorder="1" applyAlignment="1">
      <alignment horizontal="center" vertical="center" wrapText="1"/>
    </xf>
    <xf numFmtId="0" fontId="81" fillId="0" borderId="7" xfId="0" applyFont="1" applyBorder="1" applyAlignment="1">
      <alignment horizontal="center" vertical="center" wrapText="1"/>
    </xf>
    <xf numFmtId="0" fontId="81" fillId="0" borderId="5" xfId="0" applyFont="1" applyBorder="1" applyAlignment="1">
      <alignment horizontal="center" vertical="center" wrapText="1"/>
    </xf>
    <xf numFmtId="0" fontId="81" fillId="0" borderId="2" xfId="0" applyFont="1" applyBorder="1" applyAlignment="1">
      <alignment horizontal="center" vertical="center" wrapText="1"/>
    </xf>
    <xf numFmtId="0" fontId="81" fillId="0" borderId="0" xfId="0" applyFont="1" applyBorder="1" applyAlignment="1">
      <alignment horizontal="center" vertical="center" wrapText="1"/>
    </xf>
    <xf numFmtId="0" fontId="81" fillId="0" borderId="11" xfId="0" applyFont="1" applyBorder="1" applyAlignment="1">
      <alignment horizontal="center" vertical="center" wrapText="1"/>
    </xf>
    <xf numFmtId="0" fontId="81" fillId="0" borderId="3" xfId="0" applyFont="1" applyBorder="1" applyAlignment="1">
      <alignment horizontal="center" vertical="center" wrapText="1"/>
    </xf>
    <xf numFmtId="0" fontId="81" fillId="0" borderId="1" xfId="0" applyFont="1" applyBorder="1" applyAlignment="1">
      <alignment horizontal="center" vertical="center" wrapText="1"/>
    </xf>
    <xf numFmtId="0" fontId="81" fillId="0" borderId="4" xfId="0" applyFont="1" applyBorder="1" applyAlignment="1">
      <alignment horizontal="center" vertical="center" wrapText="1"/>
    </xf>
    <xf numFmtId="49" fontId="5" fillId="0" borderId="142" xfId="0" applyNumberFormat="1" applyFont="1" applyBorder="1" applyAlignment="1">
      <alignment horizontal="center" vertical="center"/>
    </xf>
    <xf numFmtId="49" fontId="5" fillId="0" borderId="143" xfId="0" applyNumberFormat="1" applyFont="1" applyBorder="1" applyAlignment="1">
      <alignment horizontal="center" vertical="center"/>
    </xf>
    <xf numFmtId="0" fontId="5" fillId="0" borderId="144" xfId="0" applyFont="1" applyBorder="1" applyAlignment="1">
      <alignment horizontal="distributed" vertical="center"/>
    </xf>
    <xf numFmtId="0" fontId="5" fillId="0" borderId="145" xfId="0" applyFont="1" applyBorder="1" applyAlignment="1">
      <alignment horizontal="distributed" vertical="center"/>
    </xf>
    <xf numFmtId="0" fontId="9" fillId="0" borderId="31" xfId="0" applyFont="1" applyBorder="1" applyAlignment="1">
      <alignment horizontal="center" vertical="center"/>
    </xf>
    <xf numFmtId="0" fontId="9" fillId="0" borderId="7" xfId="0" applyFont="1" applyBorder="1" applyAlignment="1">
      <alignment horizontal="center" vertical="center"/>
    </xf>
    <xf numFmtId="0" fontId="9" fillId="0" borderId="5" xfId="0" applyFont="1" applyBorder="1" applyAlignment="1">
      <alignment horizontal="center" vertical="center"/>
    </xf>
    <xf numFmtId="0" fontId="9" fillId="0" borderId="32" xfId="0" applyFont="1" applyBorder="1" applyAlignment="1">
      <alignment horizontal="center" vertical="center"/>
    </xf>
    <xf numFmtId="0" fontId="9" fillId="0" borderId="11" xfId="0" applyFont="1" applyBorder="1" applyAlignment="1">
      <alignment horizontal="center" vertical="center"/>
    </xf>
    <xf numFmtId="0" fontId="84" fillId="0" borderId="6" xfId="0" applyFont="1" applyBorder="1" applyAlignment="1">
      <alignment horizontal="center" vertical="center"/>
    </xf>
    <xf numFmtId="0" fontId="84" fillId="0" borderId="26" xfId="0" applyFont="1" applyBorder="1" applyAlignment="1">
      <alignment horizontal="center" vertical="center"/>
    </xf>
    <xf numFmtId="0" fontId="84" fillId="0" borderId="2" xfId="0" applyFont="1" applyBorder="1" applyAlignment="1">
      <alignment horizontal="center" vertical="center"/>
    </xf>
    <xf numFmtId="0" fontId="84" fillId="0" borderId="23" xfId="0" applyFont="1" applyBorder="1" applyAlignment="1">
      <alignment horizontal="center" vertical="center"/>
    </xf>
    <xf numFmtId="0" fontId="10" fillId="0" borderId="14" xfId="0" applyFont="1" applyBorder="1" applyAlignment="1">
      <alignment vertical="center"/>
    </xf>
    <xf numFmtId="0" fontId="10" fillId="0" borderId="35" xfId="0" applyFont="1" applyBorder="1" applyAlignment="1">
      <alignment vertical="center"/>
    </xf>
    <xf numFmtId="0" fontId="10" fillId="0" borderId="38" xfId="0" applyFont="1" applyBorder="1" applyAlignment="1">
      <alignment vertical="center"/>
    </xf>
    <xf numFmtId="0" fontId="10" fillId="0" borderId="13" xfId="0" applyFont="1" applyBorder="1" applyAlignment="1">
      <alignment vertical="center"/>
    </xf>
    <xf numFmtId="0" fontId="10" fillId="0" borderId="33" xfId="0" applyFont="1" applyBorder="1" applyAlignment="1">
      <alignment vertical="center"/>
    </xf>
    <xf numFmtId="0" fontId="10" fillId="0" borderId="34" xfId="0" applyFont="1" applyBorder="1" applyAlignment="1">
      <alignment vertical="center"/>
    </xf>
    <xf numFmtId="0" fontId="10" fillId="0" borderId="36" xfId="0" applyFont="1" applyBorder="1" applyAlignment="1">
      <alignment vertical="center"/>
    </xf>
    <xf numFmtId="0" fontId="11" fillId="0" borderId="17" xfId="0" applyFont="1" applyBorder="1" applyAlignment="1">
      <alignment horizontal="center" vertical="center"/>
    </xf>
    <xf numFmtId="0" fontId="11" fillId="0" borderId="44" xfId="0" applyFont="1" applyBorder="1" applyAlignment="1">
      <alignment horizontal="center" vertical="center"/>
    </xf>
    <xf numFmtId="0" fontId="11" fillId="0" borderId="52" xfId="0" applyFont="1" applyBorder="1" applyAlignment="1">
      <alignment horizontal="center" vertical="center"/>
    </xf>
    <xf numFmtId="0" fontId="11" fillId="0" borderId="45" xfId="0" applyFont="1" applyBorder="1" applyAlignment="1">
      <alignment horizontal="center" vertical="center"/>
    </xf>
    <xf numFmtId="0" fontId="11" fillId="0" borderId="102" xfId="0" applyFont="1" applyBorder="1" applyAlignment="1">
      <alignment horizontal="center" vertical="center"/>
    </xf>
    <xf numFmtId="0" fontId="11" fillId="0" borderId="47" xfId="0" applyFont="1" applyBorder="1" applyAlignment="1">
      <alignment horizontal="center" vertical="center"/>
    </xf>
    <xf numFmtId="49" fontId="9" fillId="0" borderId="2" xfId="0" applyNumberFormat="1" applyFont="1" applyBorder="1" applyAlignment="1">
      <alignment horizontal="center" vertical="center"/>
    </xf>
    <xf numFmtId="49" fontId="9" fillId="0" borderId="0" xfId="0" applyNumberFormat="1" applyFont="1" applyBorder="1" applyAlignment="1">
      <alignment horizontal="center" vertical="center"/>
    </xf>
    <xf numFmtId="0" fontId="10" fillId="0" borderId="12" xfId="0" applyFont="1" applyBorder="1" applyAlignment="1">
      <alignment vertical="center"/>
    </xf>
    <xf numFmtId="0" fontId="10" fillId="0" borderId="123" xfId="0" applyFont="1" applyBorder="1" applyAlignment="1">
      <alignment vertical="center"/>
    </xf>
    <xf numFmtId="0" fontId="10" fillId="0" borderId="140" xfId="0" applyFont="1" applyBorder="1" applyAlignment="1">
      <alignment vertical="center"/>
    </xf>
    <xf numFmtId="0" fontId="11" fillId="0" borderId="31" xfId="0" applyFont="1" applyBorder="1" applyAlignment="1">
      <alignment horizontal="center" vertical="center"/>
    </xf>
    <xf numFmtId="0" fontId="11" fillId="0" borderId="32" xfId="0" applyFont="1" applyBorder="1" applyAlignment="1">
      <alignment horizontal="center" vertical="center"/>
    </xf>
    <xf numFmtId="0" fontId="11" fillId="0" borderId="43" xfId="0" applyFont="1" applyBorder="1" applyAlignment="1">
      <alignment horizontal="center" vertical="center"/>
    </xf>
    <xf numFmtId="0" fontId="11" fillId="0" borderId="26" xfId="0" applyFont="1" applyBorder="1" applyAlignment="1">
      <alignment horizontal="center" vertical="center"/>
    </xf>
    <xf numFmtId="0" fontId="11" fillId="0" borderId="23" xfId="0" applyFont="1" applyBorder="1" applyAlignment="1">
      <alignment horizontal="center" vertical="center"/>
    </xf>
    <xf numFmtId="0" fontId="11" fillId="0" borderId="30" xfId="0" applyFont="1" applyBorder="1" applyAlignment="1">
      <alignment horizontal="center" vertical="center"/>
    </xf>
    <xf numFmtId="0" fontId="10" fillId="0" borderId="31" xfId="0" applyFont="1" applyBorder="1" applyAlignment="1">
      <alignment horizontal="center" vertical="center"/>
    </xf>
    <xf numFmtId="0" fontId="10" fillId="0" borderId="7" xfId="0" applyFont="1" applyBorder="1" applyAlignment="1">
      <alignment horizontal="center" vertical="center"/>
    </xf>
    <xf numFmtId="0" fontId="10" fillId="0" borderId="5" xfId="0" applyFont="1" applyBorder="1" applyAlignment="1">
      <alignment horizontal="center" vertical="center"/>
    </xf>
    <xf numFmtId="0" fontId="10" fillId="0" borderId="32" xfId="0" applyFont="1" applyBorder="1" applyAlignment="1">
      <alignment horizontal="center" vertical="center"/>
    </xf>
    <xf numFmtId="0" fontId="10" fillId="0" borderId="0" xfId="0" applyFont="1" applyBorder="1" applyAlignment="1">
      <alignment horizontal="center" vertical="center"/>
    </xf>
    <xf numFmtId="0" fontId="10" fillId="0" borderId="11" xfId="0" applyFont="1" applyBorder="1" applyAlignment="1">
      <alignment horizontal="center" vertical="center"/>
    </xf>
    <xf numFmtId="0" fontId="10" fillId="0" borderId="43" xfId="0" applyFont="1" applyBorder="1" applyAlignment="1">
      <alignment horizontal="center" vertical="center"/>
    </xf>
    <xf numFmtId="0" fontId="10" fillId="0" borderId="24" xfId="0" applyFont="1" applyBorder="1" applyAlignment="1">
      <alignment horizontal="center" vertical="center"/>
    </xf>
    <xf numFmtId="0" fontId="10" fillId="0" borderId="27" xfId="0" applyFont="1" applyBorder="1" applyAlignment="1">
      <alignment horizontal="center" vertical="center"/>
    </xf>
    <xf numFmtId="0" fontId="85" fillId="0" borderId="5" xfId="0" applyFont="1" applyBorder="1" applyAlignment="1">
      <alignment vertical="center" textRotation="255"/>
    </xf>
    <xf numFmtId="0" fontId="85" fillId="0" borderId="11" xfId="0" applyFont="1" applyBorder="1" applyAlignment="1">
      <alignment vertical="center" textRotation="255"/>
    </xf>
    <xf numFmtId="0" fontId="85" fillId="0" borderId="31" xfId="0" applyFont="1" applyBorder="1" applyAlignment="1">
      <alignment vertical="center" textRotation="255"/>
    </xf>
    <xf numFmtId="0" fontId="85" fillId="0" borderId="32" xfId="0" applyFont="1" applyBorder="1" applyAlignment="1">
      <alignment vertical="center" textRotation="255"/>
    </xf>
    <xf numFmtId="0" fontId="85" fillId="0" borderId="37" xfId="4" applyFont="1" applyBorder="1" applyAlignment="1">
      <alignment horizontal="center" vertical="center"/>
    </xf>
    <xf numFmtId="0" fontId="85" fillId="0" borderId="4" xfId="4" applyFont="1" applyBorder="1" applyAlignment="1">
      <alignment horizontal="center" vertical="center"/>
    </xf>
    <xf numFmtId="0" fontId="85" fillId="0" borderId="105" xfId="0" applyFont="1" applyBorder="1" applyAlignment="1">
      <alignment vertical="center" textRotation="255"/>
    </xf>
    <xf numFmtId="0" fontId="12" fillId="0" borderId="2" xfId="0" applyFont="1" applyBorder="1">
      <alignment vertical="center"/>
    </xf>
    <xf numFmtId="0" fontId="12" fillId="0" borderId="0" xfId="0" applyFont="1" applyBorder="1">
      <alignment vertical="center"/>
    </xf>
    <xf numFmtId="0" fontId="12" fillId="0" borderId="11" xfId="0" applyFont="1" applyBorder="1">
      <alignment vertical="center"/>
    </xf>
    <xf numFmtId="0" fontId="10" fillId="0" borderId="12" xfId="0" applyFont="1" applyBorder="1" applyAlignment="1">
      <alignment horizontal="center" vertical="center"/>
    </xf>
    <xf numFmtId="0" fontId="10" fillId="0" borderId="123" xfId="0" applyFont="1" applyBorder="1" applyAlignment="1">
      <alignment horizontal="center" vertical="center"/>
    </xf>
    <xf numFmtId="0" fontId="10" fillId="0" borderId="140" xfId="0" applyFont="1" applyBorder="1" applyAlignment="1">
      <alignment horizontal="center" vertical="center"/>
    </xf>
    <xf numFmtId="0" fontId="10" fillId="0" borderId="13" xfId="0" applyFont="1" applyBorder="1" applyAlignment="1">
      <alignment horizontal="center" vertical="center"/>
    </xf>
    <xf numFmtId="0" fontId="10" fillId="0" borderId="33" xfId="0" applyFont="1" applyBorder="1" applyAlignment="1">
      <alignment horizontal="center" vertical="center"/>
    </xf>
    <xf numFmtId="0" fontId="10" fillId="0" borderId="34" xfId="0" applyFont="1" applyBorder="1" applyAlignment="1">
      <alignment horizontal="center" vertical="center"/>
    </xf>
    <xf numFmtId="0" fontId="10" fillId="0" borderId="14" xfId="0" applyFont="1" applyBorder="1" applyAlignment="1">
      <alignment horizontal="center" vertical="center"/>
    </xf>
    <xf numFmtId="0" fontId="10" fillId="0" borderId="35" xfId="0" applyFont="1" applyBorder="1" applyAlignment="1">
      <alignment horizontal="center" vertical="center"/>
    </xf>
    <xf numFmtId="0" fontId="10" fillId="0" borderId="36" xfId="0" applyFont="1" applyBorder="1" applyAlignment="1">
      <alignment horizontal="center" vertical="center"/>
    </xf>
    <xf numFmtId="0" fontId="10" fillId="0" borderId="6" xfId="0" applyFont="1" applyBorder="1" applyAlignment="1">
      <alignment horizontal="center" vertical="center"/>
    </xf>
    <xf numFmtId="0" fontId="10" fillId="0" borderId="2" xfId="0" applyFont="1" applyBorder="1" applyAlignment="1">
      <alignment horizontal="center" vertical="center"/>
    </xf>
    <xf numFmtId="0" fontId="10" fillId="0" borderId="28" xfId="0" applyFont="1" applyBorder="1" applyAlignment="1">
      <alignment horizontal="center" vertical="center"/>
    </xf>
    <xf numFmtId="0" fontId="10" fillId="0" borderId="26" xfId="0" applyFont="1" applyBorder="1" applyAlignment="1">
      <alignment horizontal="center" vertical="center"/>
    </xf>
    <xf numFmtId="0" fontId="10" fillId="0" borderId="23" xfId="0" applyFont="1" applyBorder="1" applyAlignment="1">
      <alignment horizontal="center" vertical="center"/>
    </xf>
    <xf numFmtId="0" fontId="10" fillId="0" borderId="30"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3" xfId="0" applyFont="1" applyBorder="1" applyAlignment="1">
      <alignment horizontal="center" vertical="center"/>
    </xf>
    <xf numFmtId="0" fontId="6" fillId="0" borderId="1" xfId="0" applyFont="1" applyBorder="1" applyAlignment="1">
      <alignment horizontal="center" vertical="center"/>
    </xf>
    <xf numFmtId="0" fontId="6" fillId="0" borderId="4" xfId="0" applyFont="1" applyBorder="1" applyAlignment="1">
      <alignment horizontal="center" vertical="center"/>
    </xf>
    <xf numFmtId="0" fontId="77" fillId="0" borderId="6" xfId="0" applyFont="1" applyBorder="1" applyAlignment="1">
      <alignment horizontal="center" vertical="center" wrapText="1"/>
    </xf>
    <xf numFmtId="0" fontId="77" fillId="0" borderId="7" xfId="0" applyFont="1" applyBorder="1" applyAlignment="1">
      <alignment horizontal="center" vertical="center" wrapText="1"/>
    </xf>
    <xf numFmtId="0" fontId="77" fillId="0" borderId="5" xfId="0" applyFont="1" applyBorder="1" applyAlignment="1">
      <alignment horizontal="center" vertical="center" wrapText="1"/>
    </xf>
    <xf numFmtId="0" fontId="77" fillId="0" borderId="2" xfId="0" applyFont="1" applyBorder="1" applyAlignment="1">
      <alignment horizontal="center" vertical="center" wrapText="1"/>
    </xf>
    <xf numFmtId="0" fontId="77" fillId="0" borderId="0" xfId="0" applyFont="1" applyBorder="1" applyAlignment="1">
      <alignment horizontal="center" vertical="center" wrapText="1"/>
    </xf>
    <xf numFmtId="0" fontId="77" fillId="0" borderId="11" xfId="0" applyFont="1" applyBorder="1" applyAlignment="1">
      <alignment horizontal="center" vertical="center" wrapText="1"/>
    </xf>
    <xf numFmtId="0" fontId="77" fillId="0" borderId="3" xfId="0" applyFont="1" applyBorder="1" applyAlignment="1">
      <alignment horizontal="center" vertical="center" wrapText="1"/>
    </xf>
    <xf numFmtId="0" fontId="77" fillId="0" borderId="1" xfId="0" applyFont="1" applyBorder="1" applyAlignment="1">
      <alignment horizontal="center" vertical="center" wrapText="1"/>
    </xf>
    <xf numFmtId="0" fontId="77" fillId="0" borderId="4" xfId="0" applyFont="1" applyBorder="1" applyAlignment="1">
      <alignment horizontal="center" vertical="center" wrapText="1"/>
    </xf>
    <xf numFmtId="49" fontId="5" fillId="0" borderId="2" xfId="0" applyNumberFormat="1" applyFont="1" applyBorder="1" applyAlignment="1">
      <alignment horizontal="center" vertical="center"/>
    </xf>
    <xf numFmtId="49" fontId="5" fillId="0" borderId="0" xfId="0" applyNumberFormat="1" applyFont="1" applyBorder="1" applyAlignment="1">
      <alignment horizontal="center" vertical="center"/>
    </xf>
    <xf numFmtId="49" fontId="5" fillId="0" borderId="11" xfId="0" applyNumberFormat="1" applyFont="1" applyBorder="1" applyAlignment="1">
      <alignment horizontal="center" vertical="center"/>
    </xf>
    <xf numFmtId="0" fontId="5" fillId="0" borderId="6" xfId="0" applyFont="1" applyBorder="1" applyAlignment="1">
      <alignment vertical="center" shrinkToFit="1"/>
    </xf>
    <xf numFmtId="0" fontId="5" fillId="0" borderId="7" xfId="0" applyFont="1" applyBorder="1" applyAlignment="1">
      <alignment vertical="center" shrinkToFit="1"/>
    </xf>
    <xf numFmtId="0" fontId="5" fillId="0" borderId="5" xfId="0" applyFont="1" applyBorder="1" applyAlignment="1">
      <alignment vertical="center" shrinkToFit="1"/>
    </xf>
    <xf numFmtId="0" fontId="5" fillId="0" borderId="3" xfId="0" applyFont="1" applyBorder="1" applyAlignment="1">
      <alignment vertical="center" shrinkToFit="1"/>
    </xf>
    <xf numFmtId="0" fontId="5" fillId="0" borderId="1" xfId="0" applyFont="1" applyBorder="1" applyAlignment="1">
      <alignment vertical="center" shrinkToFit="1"/>
    </xf>
    <xf numFmtId="0" fontId="5" fillId="0" borderId="4" xfId="0" applyFont="1" applyBorder="1" applyAlignment="1">
      <alignment vertical="center" shrinkToFit="1"/>
    </xf>
    <xf numFmtId="0" fontId="85" fillId="0" borderId="37" xfId="0" applyFont="1" applyBorder="1" applyAlignment="1">
      <alignment horizontal="center" vertical="center"/>
    </xf>
    <xf numFmtId="0" fontId="85" fillId="0" borderId="25" xfId="0" applyFont="1" applyBorder="1" applyAlignment="1">
      <alignment horizontal="center" vertical="center"/>
    </xf>
    <xf numFmtId="0" fontId="10" fillId="0" borderId="170" xfId="0" applyFont="1" applyBorder="1" applyAlignment="1">
      <alignment horizontal="center" vertical="center"/>
    </xf>
    <xf numFmtId="0" fontId="10" fillId="0" borderId="85" xfId="0" applyFont="1" applyBorder="1" applyAlignment="1">
      <alignment horizontal="center" vertical="center"/>
    </xf>
    <xf numFmtId="0" fontId="10" fillId="0" borderId="171" xfId="0" applyFont="1" applyBorder="1" applyAlignment="1">
      <alignment horizontal="center" vertical="center"/>
    </xf>
    <xf numFmtId="0" fontId="85" fillId="0" borderId="3" xfId="4" applyFont="1" applyBorder="1" applyAlignment="1">
      <alignment horizontal="center" vertical="center"/>
    </xf>
    <xf numFmtId="0" fontId="4" fillId="0" borderId="0" xfId="0" applyFont="1" applyBorder="1" applyAlignment="1">
      <alignment horizontal="center" vertical="center" shrinkToFit="1"/>
    </xf>
    <xf numFmtId="0" fontId="0" fillId="0" borderId="0" xfId="0" applyAlignment="1">
      <alignment horizontal="center" vertical="center" shrinkToFit="1"/>
    </xf>
    <xf numFmtId="0" fontId="0" fillId="0" borderId="0" xfId="0" applyBorder="1" applyAlignment="1">
      <alignment horizontal="center" vertical="center" shrinkToFit="1"/>
    </xf>
    <xf numFmtId="0" fontId="85" fillId="0" borderId="26" xfId="0" applyFont="1" applyBorder="1" applyAlignment="1">
      <alignment vertical="center" textRotation="255"/>
    </xf>
    <xf numFmtId="0" fontId="85" fillId="0" borderId="23" xfId="0" applyFont="1" applyBorder="1" applyAlignment="1">
      <alignment vertical="center" textRotation="255"/>
    </xf>
    <xf numFmtId="0" fontId="0" fillId="0" borderId="123" xfId="0" applyBorder="1" applyAlignment="1">
      <alignment vertical="center"/>
    </xf>
    <xf numFmtId="0" fontId="0" fillId="0" borderId="140" xfId="0" applyBorder="1" applyAlignment="1">
      <alignment vertical="center"/>
    </xf>
    <xf numFmtId="0" fontId="0" fillId="0" borderId="35" xfId="0" applyBorder="1" applyAlignment="1">
      <alignment vertical="center"/>
    </xf>
    <xf numFmtId="0" fontId="0" fillId="0" borderId="36" xfId="0" applyBorder="1" applyAlignment="1">
      <alignment vertical="center"/>
    </xf>
    <xf numFmtId="0" fontId="85" fillId="0" borderId="22" xfId="0" applyFont="1" applyBorder="1" applyAlignment="1">
      <alignment vertical="center" textRotation="255"/>
    </xf>
    <xf numFmtId="0" fontId="85" fillId="0" borderId="6" xfId="0" applyFont="1" applyBorder="1" applyAlignment="1">
      <alignment vertical="center" textRotation="255"/>
    </xf>
    <xf numFmtId="0" fontId="85" fillId="0" borderId="2" xfId="0" applyFont="1" applyBorder="1" applyAlignment="1">
      <alignment vertical="center" textRotation="255"/>
    </xf>
    <xf numFmtId="0" fontId="10" fillId="0" borderId="23" xfId="0" applyFont="1" applyBorder="1" applyAlignment="1">
      <alignment vertical="center" textRotation="255"/>
    </xf>
    <xf numFmtId="0" fontId="2" fillId="0" borderId="168" xfId="0" applyFont="1" applyBorder="1" applyAlignment="1">
      <alignment vertical="center" textRotation="255"/>
    </xf>
    <xf numFmtId="0" fontId="2" fillId="0" borderId="85" xfId="0" applyFont="1" applyBorder="1" applyAlignment="1">
      <alignment vertical="center" textRotation="255"/>
    </xf>
    <xf numFmtId="0" fontId="85" fillId="0" borderId="105" xfId="0" applyFont="1" applyBorder="1" applyAlignment="1">
      <alignment horizontal="distributed" vertical="center"/>
    </xf>
    <xf numFmtId="0" fontId="85" fillId="0" borderId="20" xfId="0" applyFont="1" applyBorder="1" applyAlignment="1">
      <alignment horizontal="distributed" vertical="center"/>
    </xf>
    <xf numFmtId="0" fontId="85" fillId="0" borderId="22" xfId="0" applyFont="1" applyBorder="1" applyAlignment="1">
      <alignment horizontal="distributed" vertical="center"/>
    </xf>
    <xf numFmtId="0" fontId="85" fillId="0" borderId="37" xfId="0" applyFont="1" applyBorder="1" applyAlignment="1">
      <alignment horizontal="distributed" vertical="center"/>
    </xf>
    <xf numFmtId="0" fontId="85" fillId="0" borderId="1" xfId="0" applyFont="1" applyBorder="1" applyAlignment="1">
      <alignment horizontal="distributed" vertical="center"/>
    </xf>
    <xf numFmtId="0" fontId="85" fillId="0" borderId="25" xfId="0" applyFont="1" applyBorder="1" applyAlignment="1">
      <alignment horizontal="distributed" vertical="center"/>
    </xf>
    <xf numFmtId="0" fontId="5" fillId="0" borderId="0" xfId="0" applyFont="1" applyBorder="1" applyAlignment="1">
      <alignment horizontal="center" vertical="center" wrapText="1"/>
    </xf>
    <xf numFmtId="0" fontId="5" fillId="0" borderId="144" xfId="0" applyFont="1" applyBorder="1" applyAlignment="1">
      <alignment horizontal="center" vertical="center"/>
    </xf>
    <xf numFmtId="0" fontId="5" fillId="0" borderId="145" xfId="0" applyFont="1" applyBorder="1" applyAlignment="1">
      <alignment horizontal="center" vertical="center"/>
    </xf>
    <xf numFmtId="0" fontId="5" fillId="0" borderId="142" xfId="0" applyFont="1" applyBorder="1" applyAlignment="1">
      <alignment horizontal="center" vertical="center"/>
    </xf>
    <xf numFmtId="0" fontId="5" fillId="0" borderId="143" xfId="0" applyFont="1" applyBorder="1" applyAlignment="1">
      <alignment horizontal="center" vertical="center"/>
    </xf>
    <xf numFmtId="49" fontId="5" fillId="0" borderId="19" xfId="0" applyNumberFormat="1" applyFont="1" applyBorder="1" applyAlignment="1">
      <alignment horizontal="center" vertical="center"/>
    </xf>
    <xf numFmtId="49" fontId="5" fillId="0" borderId="10" xfId="0" applyNumberFormat="1" applyFont="1" applyBorder="1" applyAlignment="1">
      <alignment horizontal="center" vertical="center"/>
    </xf>
    <xf numFmtId="0" fontId="5" fillId="0" borderId="19" xfId="0" applyFont="1" applyBorder="1" applyAlignment="1">
      <alignment horizontal="distributed" vertical="center"/>
    </xf>
    <xf numFmtId="0" fontId="5" fillId="0" borderId="141" xfId="0" applyFont="1" applyBorder="1" applyAlignment="1">
      <alignment horizontal="distributed" vertical="center"/>
    </xf>
    <xf numFmtId="0" fontId="5" fillId="0" borderId="6" xfId="0" applyFont="1" applyBorder="1" applyAlignment="1">
      <alignment horizontal="center" vertical="center" wrapText="1"/>
    </xf>
    <xf numFmtId="0" fontId="5" fillId="0" borderId="7" xfId="0" applyFont="1" applyBorder="1" applyAlignment="1">
      <alignment horizontal="center" vertical="center" wrapText="1"/>
    </xf>
    <xf numFmtId="0" fontId="5" fillId="0" borderId="5" xfId="0" applyFont="1" applyBorder="1" applyAlignment="1">
      <alignment horizontal="center" vertical="center" wrapText="1"/>
    </xf>
    <xf numFmtId="0" fontId="5" fillId="0" borderId="11"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 xfId="0" applyFont="1" applyBorder="1" applyAlignment="1">
      <alignment horizontal="center" vertical="center" wrapText="1"/>
    </xf>
    <xf numFmtId="0" fontId="5" fillId="0" borderId="4" xfId="0" applyFont="1" applyBorder="1" applyAlignment="1">
      <alignment horizontal="center" vertical="center" wrapText="1"/>
    </xf>
    <xf numFmtId="0" fontId="0" fillId="0" borderId="10" xfId="0" applyBorder="1" applyAlignment="1">
      <alignment horizontal="distributed" vertical="center"/>
    </xf>
    <xf numFmtId="0" fontId="0" fillId="0" borderId="18" xfId="0" applyBorder="1" applyAlignment="1">
      <alignment horizontal="distributed" vertical="center"/>
    </xf>
    <xf numFmtId="0" fontId="0" fillId="0" borderId="16" xfId="0" applyBorder="1" applyAlignment="1">
      <alignment horizontal="distributed" vertical="center"/>
    </xf>
    <xf numFmtId="0" fontId="0" fillId="0" borderId="5" xfId="0" applyBorder="1" applyAlignment="1">
      <alignment horizontal="center" vertical="center"/>
    </xf>
    <xf numFmtId="0" fontId="0" fillId="0" borderId="11" xfId="0" applyBorder="1" applyAlignment="1">
      <alignment horizontal="center" vertical="center"/>
    </xf>
    <xf numFmtId="0" fontId="9" fillId="0" borderId="7" xfId="0" applyFont="1" applyBorder="1" applyAlignment="1">
      <alignment vertical="center"/>
    </xf>
    <xf numFmtId="0" fontId="0" fillId="0" borderId="7" xfId="0" applyBorder="1" applyAlignment="1">
      <alignment vertical="center"/>
    </xf>
    <xf numFmtId="0" fontId="0" fillId="0" borderId="5" xfId="0" applyBorder="1" applyAlignment="1">
      <alignment vertical="center"/>
    </xf>
    <xf numFmtId="0" fontId="0" fillId="0" borderId="0" xfId="0" applyBorder="1" applyAlignment="1">
      <alignment vertical="center"/>
    </xf>
    <xf numFmtId="0" fontId="0" fillId="0" borderId="11" xfId="0" applyBorder="1" applyAlignment="1">
      <alignment vertical="center"/>
    </xf>
    <xf numFmtId="0" fontId="0" fillId="0" borderId="1" xfId="0" applyBorder="1" applyAlignment="1">
      <alignment vertical="center"/>
    </xf>
    <xf numFmtId="0" fontId="0" fillId="0" borderId="4" xfId="0" applyBorder="1" applyAlignment="1">
      <alignment vertical="center"/>
    </xf>
    <xf numFmtId="0" fontId="10" fillId="0" borderId="48" xfId="0" applyFont="1" applyBorder="1" applyAlignment="1">
      <alignment vertical="center"/>
    </xf>
    <xf numFmtId="0" fontId="10" fillId="0" borderId="41" xfId="0" applyFont="1" applyBorder="1" applyAlignment="1">
      <alignment vertical="center"/>
    </xf>
    <xf numFmtId="0" fontId="10" fillId="0" borderId="49" xfId="0" applyFont="1" applyBorder="1" applyAlignment="1">
      <alignment vertical="center"/>
    </xf>
    <xf numFmtId="0" fontId="10" fillId="0" borderId="17" xfId="0" applyFont="1" applyBorder="1" applyAlignment="1">
      <alignment horizontal="center" vertical="center"/>
    </xf>
    <xf numFmtId="0" fontId="10" fillId="0" borderId="52" xfId="0" applyFont="1" applyBorder="1" applyAlignment="1">
      <alignment horizontal="center" vertical="center"/>
    </xf>
    <xf numFmtId="0" fontId="10" fillId="0" borderId="108" xfId="0" applyFont="1" applyBorder="1" applyAlignment="1">
      <alignment horizontal="center" vertical="center"/>
    </xf>
    <xf numFmtId="0" fontId="85" fillId="0" borderId="168" xfId="0" applyFont="1" applyBorder="1" applyAlignment="1">
      <alignment vertical="center" textRotation="255"/>
    </xf>
    <xf numFmtId="0" fontId="85" fillId="0" borderId="85" xfId="0" applyFont="1" applyBorder="1" applyAlignment="1">
      <alignment vertical="center" textRotation="255"/>
    </xf>
    <xf numFmtId="49" fontId="77" fillId="0" borderId="6" xfId="0" applyNumberFormat="1" applyFont="1" applyBorder="1" applyAlignment="1">
      <alignment horizontal="center" vertical="center" wrapText="1"/>
    </xf>
    <xf numFmtId="49" fontId="77" fillId="0" borderId="7" xfId="0" applyNumberFormat="1" applyFont="1" applyBorder="1" applyAlignment="1">
      <alignment horizontal="center" vertical="center" wrapText="1"/>
    </xf>
    <xf numFmtId="49" fontId="77" fillId="0" borderId="5" xfId="0" applyNumberFormat="1" applyFont="1" applyBorder="1" applyAlignment="1">
      <alignment horizontal="center" vertical="center" wrapText="1"/>
    </xf>
    <xf numFmtId="49" fontId="77" fillId="0" borderId="2" xfId="0" applyNumberFormat="1" applyFont="1" applyBorder="1" applyAlignment="1">
      <alignment horizontal="center" vertical="center" wrapText="1"/>
    </xf>
    <xf numFmtId="49" fontId="77" fillId="0" borderId="0" xfId="0" applyNumberFormat="1" applyFont="1" applyBorder="1" applyAlignment="1">
      <alignment horizontal="center" vertical="center" wrapText="1"/>
    </xf>
    <xf numFmtId="49" fontId="77" fillId="0" borderId="11" xfId="0" applyNumberFormat="1" applyFont="1" applyBorder="1" applyAlignment="1">
      <alignment horizontal="center" vertical="center" wrapText="1"/>
    </xf>
    <xf numFmtId="49" fontId="77" fillId="0" borderId="3" xfId="0" applyNumberFormat="1" applyFont="1" applyBorder="1" applyAlignment="1">
      <alignment horizontal="center" vertical="center" wrapText="1"/>
    </xf>
    <xf numFmtId="49" fontId="77" fillId="0" borderId="1" xfId="0" applyNumberFormat="1" applyFont="1" applyBorder="1" applyAlignment="1">
      <alignment horizontal="center" vertical="center" wrapText="1"/>
    </xf>
    <xf numFmtId="49" fontId="77" fillId="0" borderId="4" xfId="0" applyNumberFormat="1" applyFont="1" applyBorder="1" applyAlignment="1">
      <alignment horizontal="center" vertical="center" wrapText="1"/>
    </xf>
    <xf numFmtId="0" fontId="5" fillId="0" borderId="6" xfId="0" applyFont="1" applyBorder="1" applyAlignment="1">
      <alignment horizontal="distributed" vertical="center" wrapText="1"/>
    </xf>
    <xf numFmtId="0" fontId="5" fillId="0" borderId="7" xfId="0" applyFont="1" applyBorder="1" applyAlignment="1">
      <alignment horizontal="distributed" vertical="center" wrapText="1"/>
    </xf>
    <xf numFmtId="0" fontId="5" fillId="0" borderId="5" xfId="0" applyFont="1" applyBorder="1" applyAlignment="1">
      <alignment horizontal="distributed" vertical="center" wrapText="1"/>
    </xf>
    <xf numFmtId="0" fontId="5" fillId="0" borderId="2" xfId="0" applyFont="1" applyBorder="1" applyAlignment="1">
      <alignment horizontal="distributed" vertical="center" wrapText="1"/>
    </xf>
    <xf numFmtId="0" fontId="5" fillId="0" borderId="0" xfId="0" applyFont="1" applyBorder="1" applyAlignment="1">
      <alignment horizontal="distributed" vertical="center" wrapText="1"/>
    </xf>
    <xf numFmtId="0" fontId="5" fillId="0" borderId="11" xfId="0" applyFont="1" applyBorder="1" applyAlignment="1">
      <alignment horizontal="distributed" vertical="center" wrapText="1"/>
    </xf>
    <xf numFmtId="0" fontId="5" fillId="0" borderId="3" xfId="0" applyFont="1" applyBorder="1" applyAlignment="1">
      <alignment horizontal="distributed" vertical="center" wrapText="1"/>
    </xf>
    <xf numFmtId="0" fontId="5" fillId="0" borderId="1" xfId="0" applyFont="1" applyBorder="1" applyAlignment="1">
      <alignment horizontal="distributed" vertical="center" wrapText="1"/>
    </xf>
    <xf numFmtId="0" fontId="5" fillId="0" borderId="4" xfId="0" applyFont="1" applyBorder="1" applyAlignment="1">
      <alignment horizontal="distributed" vertical="center" wrapText="1"/>
    </xf>
    <xf numFmtId="0" fontId="5" fillId="0" borderId="2" xfId="0" applyFont="1" applyBorder="1" applyAlignment="1">
      <alignment vertical="center" shrinkToFit="1"/>
    </xf>
    <xf numFmtId="0" fontId="5" fillId="0" borderId="0" xfId="0" applyFont="1" applyBorder="1" applyAlignment="1">
      <alignment vertical="center" shrinkToFit="1"/>
    </xf>
    <xf numFmtId="0" fontId="5" fillId="0" borderId="11" xfId="0" applyFont="1" applyBorder="1" applyAlignment="1">
      <alignment vertical="center" shrinkToFit="1"/>
    </xf>
    <xf numFmtId="0" fontId="8" fillId="0" borderId="18" xfId="0" applyFont="1" applyBorder="1" applyAlignment="1">
      <alignment horizontal="center" vertical="center"/>
    </xf>
    <xf numFmtId="0" fontId="8" fillId="0" borderId="18" xfId="0" applyFont="1" applyBorder="1" applyAlignment="1">
      <alignment horizontal="center" vertical="center" shrinkToFit="1"/>
    </xf>
    <xf numFmtId="0" fontId="0" fillId="0" borderId="18" xfId="0" applyBorder="1" applyAlignment="1">
      <alignment vertical="center" shrinkToFit="1"/>
    </xf>
    <xf numFmtId="0" fontId="0" fillId="0" borderId="16" xfId="0" applyBorder="1" applyAlignment="1">
      <alignment vertical="center" shrinkToFit="1"/>
    </xf>
    <xf numFmtId="0" fontId="0" fillId="0" borderId="3" xfId="0" applyBorder="1" applyAlignment="1">
      <alignment horizontal="center" vertical="center"/>
    </xf>
    <xf numFmtId="0" fontId="19" fillId="0" borderId="7" xfId="0" applyFont="1" applyBorder="1" applyAlignment="1">
      <alignment horizontal="center" vertical="center"/>
    </xf>
    <xf numFmtId="0" fontId="0" fillId="0" borderId="4" xfId="0" applyBorder="1" applyAlignment="1">
      <alignment horizontal="center" vertical="center"/>
    </xf>
    <xf numFmtId="0" fontId="10" fillId="0" borderId="44" xfId="0" applyFont="1" applyBorder="1" applyAlignment="1">
      <alignment horizontal="center" vertical="center"/>
    </xf>
    <xf numFmtId="0" fontId="10" fillId="0" borderId="45" xfId="0" applyFont="1" applyBorder="1" applyAlignment="1">
      <alignment horizontal="center" vertical="center"/>
    </xf>
    <xf numFmtId="0" fontId="10" fillId="0" borderId="46" xfId="0" applyFont="1" applyBorder="1" applyAlignment="1">
      <alignment horizontal="center" vertical="center"/>
    </xf>
    <xf numFmtId="0" fontId="5" fillId="0" borderId="2" xfId="0" applyFont="1" applyFill="1" applyBorder="1">
      <alignment vertical="center"/>
    </xf>
    <xf numFmtId="0" fontId="5" fillId="0" borderId="0" xfId="0" applyFont="1" applyFill="1" applyBorder="1">
      <alignment vertical="center"/>
    </xf>
    <xf numFmtId="0" fontId="5" fillId="0" borderId="11" xfId="0" applyFont="1" applyFill="1" applyBorder="1">
      <alignment vertical="center"/>
    </xf>
    <xf numFmtId="0" fontId="86" fillId="0" borderId="6" xfId="0" applyFont="1" applyBorder="1" applyAlignment="1">
      <alignment horizontal="left" vertical="center"/>
    </xf>
    <xf numFmtId="0" fontId="5" fillId="0" borderId="7" xfId="0" applyFont="1" applyBorder="1" applyAlignment="1">
      <alignment horizontal="left" vertical="center"/>
    </xf>
    <xf numFmtId="0" fontId="5" fillId="0" borderId="5" xfId="0" applyFont="1" applyBorder="1" applyAlignment="1">
      <alignment horizontal="left" vertical="center"/>
    </xf>
    <xf numFmtId="0" fontId="5" fillId="0" borderId="2" xfId="0" applyFont="1" applyBorder="1" applyAlignment="1">
      <alignment horizontal="left" vertical="center"/>
    </xf>
    <xf numFmtId="0" fontId="5" fillId="0" borderId="0" xfId="0" applyFont="1" applyBorder="1" applyAlignment="1">
      <alignment horizontal="left" vertical="center"/>
    </xf>
    <xf numFmtId="0" fontId="5" fillId="0" borderId="11" xfId="0" applyFont="1" applyBorder="1" applyAlignment="1">
      <alignment horizontal="left" vertical="center"/>
    </xf>
    <xf numFmtId="0" fontId="86" fillId="0" borderId="7" xfId="0" applyFont="1" applyBorder="1" applyAlignment="1">
      <alignment horizontal="left" vertical="center"/>
    </xf>
    <xf numFmtId="0" fontId="86" fillId="0" borderId="5" xfId="0" applyFont="1" applyBorder="1" applyAlignment="1">
      <alignment horizontal="left" vertical="center"/>
    </xf>
    <xf numFmtId="0" fontId="86" fillId="0" borderId="2" xfId="0" applyFont="1" applyBorder="1" applyAlignment="1">
      <alignment horizontal="left" vertical="center"/>
    </xf>
    <xf numFmtId="0" fontId="86" fillId="0" borderId="0" xfId="0" applyFont="1" applyBorder="1" applyAlignment="1">
      <alignment horizontal="left" vertical="center"/>
    </xf>
    <xf numFmtId="0" fontId="86" fillId="0" borderId="11" xfId="0" applyFont="1" applyBorder="1" applyAlignment="1">
      <alignment horizontal="left" vertical="center"/>
    </xf>
    <xf numFmtId="0" fontId="77" fillId="0" borderId="0" xfId="0" applyFont="1" applyFill="1" applyBorder="1" applyAlignment="1">
      <alignment horizontal="left" vertical="center"/>
    </xf>
    <xf numFmtId="0" fontId="77" fillId="0" borderId="0" xfId="0" applyFont="1" applyFill="1" applyBorder="1" applyAlignment="1">
      <alignment horizontal="left" vertical="center" wrapText="1"/>
    </xf>
    <xf numFmtId="0" fontId="6" fillId="0" borderId="9" xfId="0" applyFont="1" applyBorder="1" applyAlignment="1">
      <alignment vertical="center" textRotation="255"/>
    </xf>
    <xf numFmtId="0" fontId="6" fillId="0" borderId="15" xfId="0" applyFont="1" applyBorder="1" applyAlignment="1">
      <alignment vertical="center" textRotation="255"/>
    </xf>
    <xf numFmtId="0" fontId="4" fillId="0" borderId="3" xfId="0" applyFont="1" applyBorder="1" applyAlignment="1">
      <alignment horizontal="center" vertical="center"/>
    </xf>
    <xf numFmtId="0" fontId="6" fillId="0" borderId="0" xfId="0" applyFont="1" applyBorder="1" applyAlignment="1">
      <alignment horizontal="center" vertical="center"/>
    </xf>
    <xf numFmtId="49" fontId="4" fillId="0" borderId="6" xfId="0" applyNumberFormat="1" applyFont="1" applyBorder="1">
      <alignment vertical="center"/>
    </xf>
    <xf numFmtId="49" fontId="4" fillId="0" borderId="5" xfId="0" applyNumberFormat="1" applyFont="1" applyBorder="1">
      <alignment vertical="center"/>
    </xf>
    <xf numFmtId="49" fontId="4" fillId="0" borderId="2" xfId="0" applyNumberFormat="1" applyFont="1" applyBorder="1">
      <alignment vertical="center"/>
    </xf>
    <xf numFmtId="49" fontId="4" fillId="0" borderId="11" xfId="0" applyNumberFormat="1" applyFont="1" applyBorder="1">
      <alignment vertical="center"/>
    </xf>
    <xf numFmtId="49" fontId="4" fillId="0" borderId="3" xfId="0" applyNumberFormat="1" applyFont="1" applyBorder="1">
      <alignment vertical="center"/>
    </xf>
    <xf numFmtId="49" fontId="4" fillId="0" borderId="4" xfId="0" applyNumberFormat="1" applyFont="1" applyBorder="1">
      <alignment vertical="center"/>
    </xf>
    <xf numFmtId="0" fontId="10" fillId="0" borderId="15" xfId="0" applyFont="1" applyBorder="1" applyAlignment="1">
      <alignment horizontal="center" vertical="center"/>
    </xf>
    <xf numFmtId="0" fontId="10" fillId="0" borderId="8" xfId="0" applyFont="1" applyBorder="1" applyAlignment="1">
      <alignment horizontal="center" vertical="center"/>
    </xf>
    <xf numFmtId="0" fontId="7" fillId="0" borderId="2" xfId="0" applyFont="1" applyBorder="1" applyAlignment="1">
      <alignment horizontal="center" vertical="center"/>
    </xf>
    <xf numFmtId="0" fontId="7" fillId="0" borderId="0" xfId="0" applyFont="1" applyBorder="1" applyAlignment="1">
      <alignment horizontal="center" vertical="center"/>
    </xf>
    <xf numFmtId="0" fontId="7" fillId="0" borderId="11" xfId="0" applyFont="1" applyBorder="1" applyAlignment="1">
      <alignment horizontal="center" vertical="center"/>
    </xf>
    <xf numFmtId="0" fontId="82" fillId="0" borderId="6" xfId="0" applyFont="1" applyFill="1" applyBorder="1" applyAlignment="1">
      <alignment horizontal="left" vertical="center"/>
    </xf>
    <xf numFmtId="0" fontId="82" fillId="0" borderId="7" xfId="0" applyFont="1" applyFill="1" applyBorder="1" applyAlignment="1">
      <alignment horizontal="left" vertical="center"/>
    </xf>
    <xf numFmtId="0" fontId="82" fillId="0" borderId="5" xfId="0" applyFont="1" applyFill="1" applyBorder="1" applyAlignment="1">
      <alignment horizontal="left" vertical="center"/>
    </xf>
    <xf numFmtId="0" fontId="82" fillId="0" borderId="2" xfId="0" applyFont="1" applyFill="1" applyBorder="1" applyAlignment="1">
      <alignment horizontal="left" vertical="center"/>
    </xf>
    <xf numFmtId="0" fontId="82" fillId="0" borderId="0" xfId="0" applyFont="1" applyFill="1" applyBorder="1" applyAlignment="1">
      <alignment horizontal="left" vertical="center"/>
    </xf>
    <xf numFmtId="0" fontId="82" fillId="0" borderId="11" xfId="0" applyFont="1" applyFill="1" applyBorder="1" applyAlignment="1">
      <alignment horizontal="left" vertical="center"/>
    </xf>
    <xf numFmtId="0" fontId="86" fillId="0" borderId="2" xfId="0" applyFont="1" applyBorder="1">
      <alignment vertical="center"/>
    </xf>
    <xf numFmtId="0" fontId="86" fillId="0" borderId="0" xfId="0" applyFont="1" applyBorder="1">
      <alignment vertical="center"/>
    </xf>
    <xf numFmtId="0" fontId="86" fillId="0" borderId="11" xfId="0" applyFont="1" applyBorder="1">
      <alignment vertical="center"/>
    </xf>
    <xf numFmtId="0" fontId="5" fillId="0" borderId="0" xfId="0" applyFont="1" applyBorder="1" applyAlignment="1">
      <alignment vertical="center" wrapText="1"/>
    </xf>
    <xf numFmtId="0" fontId="5" fillId="0" borderId="11" xfId="0" applyFont="1" applyBorder="1" applyAlignment="1">
      <alignment vertical="center" wrapText="1"/>
    </xf>
    <xf numFmtId="0" fontId="0" fillId="0" borderId="1" xfId="0" applyBorder="1" applyAlignment="1">
      <alignment vertical="center" shrinkToFit="1"/>
    </xf>
    <xf numFmtId="0" fontId="27" fillId="0" borderId="0" xfId="0" applyFont="1" applyBorder="1">
      <alignment vertical="center"/>
    </xf>
    <xf numFmtId="0" fontId="0" fillId="0" borderId="0" xfId="0" applyAlignment="1">
      <alignment vertical="center" shrinkToFit="1"/>
    </xf>
    <xf numFmtId="0" fontId="29" fillId="0" borderId="105" xfId="0" applyFont="1" applyBorder="1" applyAlignment="1">
      <alignment horizontal="center" vertical="center"/>
    </xf>
    <xf numFmtId="0" fontId="29" fillId="0" borderId="20" xfId="0" applyFont="1" applyBorder="1" applyAlignment="1">
      <alignment horizontal="center" vertical="center"/>
    </xf>
    <xf numFmtId="0" fontId="29" fillId="0" borderId="22" xfId="0" applyFont="1" applyBorder="1" applyAlignment="1">
      <alignment horizontal="center" vertical="center"/>
    </xf>
    <xf numFmtId="0" fontId="29" fillId="0" borderId="32" xfId="0" applyFont="1" applyBorder="1" applyAlignment="1">
      <alignment horizontal="center" vertical="center"/>
    </xf>
    <xf numFmtId="0" fontId="29" fillId="0" borderId="0" xfId="0" applyFont="1" applyBorder="1" applyAlignment="1">
      <alignment horizontal="center" vertical="center"/>
    </xf>
    <xf numFmtId="0" fontId="29" fillId="0" borderId="23" xfId="0" applyFont="1" applyBorder="1" applyAlignment="1">
      <alignment horizontal="center" vertical="center"/>
    </xf>
    <xf numFmtId="0" fontId="29" fillId="0" borderId="43" xfId="0" applyFont="1" applyBorder="1" applyAlignment="1">
      <alignment horizontal="center" vertical="center"/>
    </xf>
    <xf numFmtId="0" fontId="29" fillId="0" borderId="24" xfId="0" applyFont="1" applyBorder="1" applyAlignment="1">
      <alignment horizontal="center" vertical="center"/>
    </xf>
    <xf numFmtId="0" fontId="29" fillId="0" borderId="30" xfId="0" applyFont="1" applyBorder="1" applyAlignment="1">
      <alignment horizontal="center" vertical="center"/>
    </xf>
    <xf numFmtId="0" fontId="10" fillId="0" borderId="0" xfId="0" applyFont="1" applyBorder="1" applyAlignment="1">
      <alignment vertical="center" textRotation="255"/>
    </xf>
    <xf numFmtId="0" fontId="25" fillId="0" borderId="0" xfId="0" applyFont="1" applyBorder="1" applyAlignment="1">
      <alignment vertical="center" textRotation="255"/>
    </xf>
    <xf numFmtId="0" fontId="2" fillId="0" borderId="0" xfId="0" applyFont="1" applyBorder="1" applyAlignment="1">
      <alignment horizontal="center" vertical="center" textRotation="255"/>
    </xf>
    <xf numFmtId="49" fontId="4" fillId="0" borderId="0" xfId="0" applyNumberFormat="1" applyFont="1" applyBorder="1">
      <alignment vertical="center"/>
    </xf>
    <xf numFmtId="49" fontId="3" fillId="0" borderId="152" xfId="0" applyNumberFormat="1" applyFont="1" applyBorder="1" applyAlignment="1">
      <alignment horizontal="center" vertical="center"/>
    </xf>
    <xf numFmtId="0" fontId="0" fillId="0" borderId="87" xfId="0" applyBorder="1" applyAlignment="1">
      <alignment horizontal="center" vertical="center"/>
    </xf>
    <xf numFmtId="0" fontId="0" fillId="0" borderId="162" xfId="0" applyBorder="1" applyAlignment="1">
      <alignment horizontal="center" vertical="center"/>
    </xf>
    <xf numFmtId="49" fontId="3" fillId="0" borderId="29" xfId="0" applyNumberFormat="1" applyFont="1" applyBorder="1" applyAlignment="1">
      <alignment horizontal="center" vertical="center"/>
    </xf>
    <xf numFmtId="49" fontId="3" fillId="0" borderId="111" xfId="0" applyNumberFormat="1" applyFont="1" applyBorder="1" applyAlignment="1">
      <alignment horizontal="center" vertical="center"/>
    </xf>
    <xf numFmtId="0" fontId="3" fillId="0" borderId="152" xfId="0" applyFont="1" applyBorder="1" applyAlignment="1">
      <alignment horizontal="center" vertical="center"/>
    </xf>
    <xf numFmtId="0" fontId="3" fillId="0" borderId="87" xfId="0" applyFont="1" applyBorder="1" applyAlignment="1">
      <alignment horizontal="center" vertical="center"/>
    </xf>
    <xf numFmtId="0" fontId="3" fillId="0" borderId="162" xfId="0" applyFont="1" applyBorder="1" applyAlignment="1">
      <alignment horizontal="center" vertical="center"/>
    </xf>
    <xf numFmtId="0" fontId="3" fillId="0" borderId="122" xfId="0" applyFont="1" applyBorder="1" applyAlignment="1">
      <alignment vertical="center"/>
    </xf>
    <xf numFmtId="0" fontId="3" fillId="0" borderId="29" xfId="0" applyFont="1" applyBorder="1" applyAlignment="1">
      <alignment vertical="center"/>
    </xf>
    <xf numFmtId="0" fontId="3" fillId="0" borderId="29" xfId="0" applyFont="1" applyBorder="1" applyAlignment="1">
      <alignment horizontal="center" vertical="center"/>
    </xf>
    <xf numFmtId="0" fontId="3" fillId="0" borderId="111" xfId="0" applyFont="1" applyBorder="1" applyAlignment="1">
      <alignment horizontal="center" vertical="center"/>
    </xf>
    <xf numFmtId="0" fontId="11" fillId="0" borderId="0" xfId="0" applyFont="1" applyAlignment="1">
      <alignment horizontal="center" vertical="center"/>
    </xf>
    <xf numFmtId="0" fontId="3" fillId="0" borderId="153" xfId="0" applyFont="1" applyBorder="1" applyAlignment="1">
      <alignment vertical="center"/>
    </xf>
    <xf numFmtId="0" fontId="3" fillId="0" borderId="148" xfId="0" applyFont="1" applyBorder="1" applyAlignment="1">
      <alignment vertical="center"/>
    </xf>
    <xf numFmtId="0" fontId="3" fillId="0" borderId="148" xfId="0" applyFont="1" applyBorder="1" applyAlignment="1">
      <alignment horizontal="center" vertical="center"/>
    </xf>
    <xf numFmtId="0" fontId="3" fillId="0" borderId="149" xfId="0" applyFont="1" applyBorder="1" applyAlignment="1">
      <alignment horizontal="center" vertical="center"/>
    </xf>
    <xf numFmtId="0" fontId="3" fillId="0" borderId="114" xfId="0" applyFont="1" applyBorder="1" applyAlignment="1">
      <alignment vertical="center"/>
    </xf>
    <xf numFmtId="0" fontId="3" fillId="0" borderId="15" xfId="0" applyFont="1" applyBorder="1" applyAlignment="1">
      <alignment vertical="center"/>
    </xf>
    <xf numFmtId="0" fontId="3" fillId="0" borderId="40" xfId="0" applyFont="1" applyBorder="1" applyAlignment="1">
      <alignment horizontal="center" vertical="center"/>
    </xf>
    <xf numFmtId="0" fontId="3" fillId="0" borderId="150" xfId="0" applyFont="1" applyBorder="1" applyAlignment="1">
      <alignment vertical="center"/>
    </xf>
    <xf numFmtId="0" fontId="3" fillId="0" borderId="146" xfId="0" applyFont="1" applyBorder="1" applyAlignment="1">
      <alignment vertical="center"/>
    </xf>
    <xf numFmtId="0" fontId="3" fillId="0" borderId="146" xfId="0" applyFont="1" applyBorder="1" applyAlignment="1">
      <alignment horizontal="center" vertical="center"/>
    </xf>
    <xf numFmtId="0" fontId="3" fillId="0" borderId="147" xfId="0" applyFont="1" applyBorder="1" applyAlignment="1">
      <alignment horizontal="center" vertical="center"/>
    </xf>
    <xf numFmtId="0" fontId="3" fillId="0" borderId="150" xfId="0" applyFont="1" applyBorder="1" applyAlignment="1">
      <alignment horizontal="center" vertical="center"/>
    </xf>
    <xf numFmtId="0" fontId="3" fillId="0" borderId="122" xfId="0" applyFont="1" applyBorder="1" applyAlignment="1">
      <alignment horizontal="center" vertical="center"/>
    </xf>
    <xf numFmtId="0" fontId="3" fillId="0" borderId="86" xfId="0" applyFont="1" applyBorder="1" applyAlignment="1">
      <alignment horizontal="left" vertical="center"/>
    </xf>
    <xf numFmtId="0" fontId="3" fillId="0" borderId="87" xfId="0" applyFont="1" applyBorder="1" applyAlignment="1">
      <alignment horizontal="left" vertical="center"/>
    </xf>
    <xf numFmtId="0" fontId="3" fillId="0" borderId="88" xfId="0" applyFont="1" applyBorder="1" applyAlignment="1">
      <alignment horizontal="left" vertical="center"/>
    </xf>
    <xf numFmtId="0" fontId="3" fillId="0" borderId="95" xfId="0" applyFont="1" applyBorder="1" applyAlignment="1">
      <alignment horizontal="left" vertical="center"/>
    </xf>
    <xf numFmtId="0" fontId="3" fillId="0" borderId="96" xfId="0" applyFont="1" applyBorder="1" applyAlignment="1">
      <alignment horizontal="left" vertical="center"/>
    </xf>
    <xf numFmtId="0" fontId="3" fillId="0" borderId="97" xfId="0" applyFont="1" applyBorder="1" applyAlignment="1">
      <alignment horizontal="left" vertical="center"/>
    </xf>
    <xf numFmtId="0" fontId="3" fillId="0" borderId="154" xfId="0" applyFont="1" applyBorder="1" applyAlignment="1">
      <alignment horizontal="center" vertical="center"/>
    </xf>
    <xf numFmtId="0" fontId="0" fillId="0" borderId="96" xfId="0" applyBorder="1" applyAlignment="1">
      <alignment horizontal="center" vertical="center"/>
    </xf>
    <xf numFmtId="0" fontId="0" fillId="0" borderId="155" xfId="0" applyBorder="1" applyAlignment="1">
      <alignment horizontal="center" vertical="center"/>
    </xf>
    <xf numFmtId="0" fontId="3" fillId="0" borderId="156" xfId="0" applyFont="1" applyBorder="1" applyAlignment="1">
      <alignment horizontal="center" vertical="center"/>
    </xf>
    <xf numFmtId="0" fontId="3" fillId="0" borderId="157" xfId="0" applyFont="1" applyBorder="1" applyAlignment="1">
      <alignment horizontal="center" vertical="center"/>
    </xf>
    <xf numFmtId="0" fontId="3" fillId="0" borderId="158" xfId="0" applyFont="1" applyBorder="1" applyAlignment="1">
      <alignment vertical="center"/>
    </xf>
    <xf numFmtId="0" fontId="3" fillId="0" borderId="156" xfId="0" applyFont="1" applyBorder="1" applyAlignment="1">
      <alignment vertical="center"/>
    </xf>
    <xf numFmtId="0" fontId="3" fillId="0" borderId="159" xfId="0" applyFont="1" applyBorder="1" applyAlignment="1">
      <alignment horizontal="center" vertical="center"/>
    </xf>
    <xf numFmtId="0" fontId="0" fillId="0" borderId="93" xfId="0" applyBorder="1" applyAlignment="1">
      <alignment horizontal="center" vertical="center"/>
    </xf>
    <xf numFmtId="0" fontId="0" fillId="0" borderId="160" xfId="0" applyBorder="1" applyAlignment="1">
      <alignment horizontal="center" vertical="center"/>
    </xf>
    <xf numFmtId="0" fontId="3" fillId="0" borderId="114" xfId="0" applyFont="1" applyBorder="1" applyAlignment="1">
      <alignment horizontal="center" vertical="center"/>
    </xf>
    <xf numFmtId="0" fontId="3" fillId="0" borderId="92" xfId="0" applyFont="1" applyBorder="1" applyAlignment="1">
      <alignment horizontal="left" vertical="center"/>
    </xf>
    <xf numFmtId="0" fontId="3" fillId="0" borderId="93" xfId="0" applyFont="1" applyBorder="1" applyAlignment="1">
      <alignment horizontal="left" vertical="center"/>
    </xf>
    <xf numFmtId="0" fontId="3" fillId="0" borderId="94" xfId="0" applyFont="1" applyBorder="1" applyAlignment="1">
      <alignment horizontal="left" vertical="center"/>
    </xf>
    <xf numFmtId="0" fontId="3" fillId="0" borderId="89" xfId="0" applyFont="1" applyBorder="1" applyAlignment="1">
      <alignment horizontal="center" vertical="center"/>
    </xf>
    <xf numFmtId="0" fontId="3" fillId="0" borderId="90" xfId="0" applyFont="1" applyBorder="1" applyAlignment="1">
      <alignment horizontal="center" vertical="center"/>
    </xf>
    <xf numFmtId="0" fontId="3" fillId="0" borderId="91" xfId="0" applyFont="1" applyBorder="1" applyAlignment="1">
      <alignment horizontal="center" vertical="center"/>
    </xf>
    <xf numFmtId="0" fontId="3" fillId="0" borderId="151" xfId="0" applyFont="1" applyBorder="1" applyAlignment="1">
      <alignment horizontal="center" vertical="center"/>
    </xf>
    <xf numFmtId="0" fontId="0" fillId="0" borderId="90" xfId="0" applyBorder="1" applyAlignment="1">
      <alignment horizontal="center" vertical="center"/>
    </xf>
    <xf numFmtId="0" fontId="0" fillId="0" borderId="161" xfId="0" applyBorder="1" applyAlignment="1">
      <alignment horizontal="center" vertical="center"/>
    </xf>
    <xf numFmtId="0" fontId="3" fillId="0" borderId="153" xfId="0" applyFont="1" applyBorder="1" applyAlignment="1">
      <alignment horizontal="center" vertical="center"/>
    </xf>
    <xf numFmtId="0" fontId="3" fillId="0" borderId="89" xfId="0" applyFont="1" applyBorder="1" applyAlignment="1">
      <alignment horizontal="left" vertical="center"/>
    </xf>
    <xf numFmtId="0" fontId="3" fillId="0" borderId="90" xfId="0" applyFont="1" applyBorder="1" applyAlignment="1">
      <alignment horizontal="left" vertical="center"/>
    </xf>
    <xf numFmtId="0" fontId="3" fillId="0" borderId="91" xfId="0" applyFont="1" applyBorder="1" applyAlignment="1">
      <alignment horizontal="left" vertical="center"/>
    </xf>
    <xf numFmtId="0" fontId="3" fillId="0" borderId="28" xfId="0" applyFont="1" applyBorder="1" applyAlignment="1">
      <alignment horizontal="center" vertical="center"/>
    </xf>
    <xf numFmtId="0" fontId="3" fillId="0" borderId="24" xfId="0" applyFont="1" applyBorder="1" applyAlignment="1">
      <alignment horizontal="center" vertical="center"/>
    </xf>
    <xf numFmtId="0" fontId="3" fillId="0" borderId="30" xfId="0" applyFont="1" applyBorder="1" applyAlignment="1">
      <alignment horizontal="center" vertical="center"/>
    </xf>
    <xf numFmtId="0" fontId="3" fillId="0" borderId="161" xfId="0" applyFont="1" applyBorder="1" applyAlignment="1">
      <alignment horizontal="center" vertical="center"/>
    </xf>
    <xf numFmtId="0" fontId="3" fillId="0" borderId="23" xfId="0" applyFont="1" applyBorder="1" applyAlignment="1">
      <alignment horizontal="center" vertical="center"/>
    </xf>
    <xf numFmtId="0" fontId="3" fillId="0" borderId="93" xfId="0" applyFont="1" applyBorder="1" applyAlignment="1">
      <alignment horizontal="center" vertical="center"/>
    </xf>
    <xf numFmtId="0" fontId="3" fillId="0" borderId="160" xfId="0" applyFont="1" applyBorder="1" applyAlignment="1">
      <alignment horizontal="center" vertical="center"/>
    </xf>
    <xf numFmtId="0" fontId="3" fillId="0" borderId="121" xfId="0" applyFont="1" applyBorder="1" applyAlignment="1">
      <alignment vertical="center"/>
    </xf>
    <xf numFmtId="0" fontId="3" fillId="0" borderId="19" xfId="0" applyFont="1" applyBorder="1" applyAlignment="1">
      <alignment vertical="center"/>
    </xf>
    <xf numFmtId="49" fontId="3" fillId="0" borderId="19" xfId="0" applyNumberFormat="1" applyFont="1" applyBorder="1" applyAlignment="1">
      <alignment horizontal="center" vertical="center"/>
    </xf>
    <xf numFmtId="49" fontId="3" fillId="0" borderId="117" xfId="0" applyNumberFormat="1" applyFont="1" applyBorder="1" applyAlignment="1">
      <alignment horizontal="center" vertical="center"/>
    </xf>
    <xf numFmtId="49" fontId="3" fillId="0" borderId="146" xfId="0" applyNumberFormat="1" applyFont="1" applyBorder="1" applyAlignment="1">
      <alignment horizontal="center" vertical="center"/>
    </xf>
    <xf numFmtId="49" fontId="3" fillId="0" borderId="147" xfId="0" applyNumberFormat="1" applyFont="1" applyBorder="1" applyAlignment="1">
      <alignment horizontal="center" vertical="center"/>
    </xf>
    <xf numFmtId="0" fontId="3" fillId="0" borderId="8" xfId="0" applyFont="1" applyBorder="1" applyAlignment="1">
      <alignment vertical="center"/>
    </xf>
    <xf numFmtId="49" fontId="3" fillId="0" borderId="8" xfId="0" applyNumberFormat="1" applyFont="1" applyBorder="1" applyAlignment="1">
      <alignment horizontal="center" vertical="center"/>
    </xf>
    <xf numFmtId="49" fontId="3" fillId="0" borderId="112" xfId="0" applyNumberFormat="1" applyFont="1" applyBorder="1" applyAlignment="1">
      <alignment horizontal="center" vertical="center"/>
    </xf>
    <xf numFmtId="0" fontId="3" fillId="0" borderId="9" xfId="0" applyFont="1" applyBorder="1" applyAlignment="1">
      <alignment vertical="center"/>
    </xf>
    <xf numFmtId="49" fontId="3" fillId="0" borderId="9" xfId="0" applyNumberFormat="1" applyFont="1" applyBorder="1" applyAlignment="1">
      <alignment horizontal="center" vertical="center"/>
    </xf>
    <xf numFmtId="49" fontId="3" fillId="0" borderId="110" xfId="0" applyNumberFormat="1" applyFont="1" applyBorder="1" applyAlignment="1">
      <alignment horizontal="center" vertical="center"/>
    </xf>
    <xf numFmtId="0" fontId="3" fillId="0" borderId="86" xfId="0" applyFont="1" applyBorder="1" applyAlignment="1">
      <alignment vertical="center"/>
    </xf>
    <xf numFmtId="0" fontId="0" fillId="0" borderId="87" xfId="0" applyBorder="1" applyAlignment="1">
      <alignment vertical="center"/>
    </xf>
    <xf numFmtId="0" fontId="0" fillId="0" borderId="88" xfId="0" applyBorder="1" applyAlignment="1">
      <alignment vertical="center"/>
    </xf>
    <xf numFmtId="49" fontId="3" fillId="0" borderId="148" xfId="0" applyNumberFormat="1" applyFont="1" applyBorder="1" applyAlignment="1">
      <alignment horizontal="center" vertical="center"/>
    </xf>
    <xf numFmtId="49" fontId="3" fillId="0" borderId="149" xfId="0" applyNumberFormat="1" applyFont="1" applyBorder="1" applyAlignment="1">
      <alignment horizontal="center" vertical="center"/>
    </xf>
    <xf numFmtId="0" fontId="3" fillId="0" borderId="163" xfId="0" applyFont="1" applyBorder="1" applyAlignment="1">
      <alignment vertical="center" wrapText="1"/>
    </xf>
    <xf numFmtId="0" fontId="3" fillId="0" borderId="164" xfId="0" applyFont="1" applyBorder="1" applyAlignment="1">
      <alignment vertical="center" wrapText="1"/>
    </xf>
    <xf numFmtId="0" fontId="3" fillId="0" borderId="165" xfId="0" applyFont="1" applyBorder="1" applyAlignment="1">
      <alignment vertical="center" wrapText="1"/>
    </xf>
    <xf numFmtId="0" fontId="3" fillId="0" borderId="32" xfId="0" applyFont="1" applyBorder="1" applyAlignment="1">
      <alignment vertical="center" wrapText="1"/>
    </xf>
    <xf numFmtId="0" fontId="3" fillId="0" borderId="0" xfId="0" applyFont="1" applyBorder="1" applyAlignment="1">
      <alignment vertical="center" wrapText="1"/>
    </xf>
    <xf numFmtId="0" fontId="3" fillId="0" borderId="11" xfId="0" applyFont="1" applyBorder="1" applyAlignment="1">
      <alignment vertical="center" wrapText="1"/>
    </xf>
    <xf numFmtId="0" fontId="3" fillId="0" borderId="37" xfId="0" applyFont="1" applyBorder="1" applyAlignment="1">
      <alignment vertical="center" wrapText="1"/>
    </xf>
    <xf numFmtId="0" fontId="3" fillId="0" borderId="1" xfId="0" applyFont="1" applyBorder="1" applyAlignment="1">
      <alignment vertical="center" wrapText="1"/>
    </xf>
    <xf numFmtId="0" fontId="3" fillId="0" borderId="4" xfId="0" applyFont="1" applyBorder="1" applyAlignment="1">
      <alignment vertical="center" wrapText="1"/>
    </xf>
    <xf numFmtId="0" fontId="3" fillId="0" borderId="166" xfId="0" applyFont="1" applyBorder="1" applyAlignment="1">
      <alignment vertical="center"/>
    </xf>
    <xf numFmtId="49" fontId="3" fillId="0" borderId="166" xfId="0" applyNumberFormat="1" applyFont="1" applyBorder="1" applyAlignment="1">
      <alignment horizontal="center" vertical="center"/>
    </xf>
    <xf numFmtId="49" fontId="3" fillId="0" borderId="167" xfId="0" applyNumberFormat="1" applyFont="1" applyBorder="1" applyAlignment="1">
      <alignment horizontal="center" vertical="center"/>
    </xf>
    <xf numFmtId="49" fontId="3" fillId="0" borderId="156" xfId="0" applyNumberFormat="1" applyFont="1" applyBorder="1" applyAlignment="1">
      <alignment horizontal="center" vertical="center"/>
    </xf>
    <xf numFmtId="49" fontId="3" fillId="0" borderId="157" xfId="0" applyNumberFormat="1" applyFont="1" applyBorder="1" applyAlignment="1">
      <alignment horizontal="center" vertical="center"/>
    </xf>
    <xf numFmtId="49" fontId="3" fillId="0" borderId="15" xfId="0" applyNumberFormat="1" applyFont="1" applyBorder="1" applyAlignment="1">
      <alignment horizontal="center" vertical="center"/>
    </xf>
    <xf numFmtId="0" fontId="3" fillId="0" borderId="87" xfId="0" applyFont="1" applyBorder="1" applyAlignment="1">
      <alignment vertical="center"/>
    </xf>
    <xf numFmtId="0" fontId="3" fillId="0" borderId="88" xfId="0" applyFont="1" applyBorder="1" applyAlignment="1">
      <alignment vertical="center"/>
    </xf>
    <xf numFmtId="49" fontId="3" fillId="0" borderId="87" xfId="0" applyNumberFormat="1" applyFont="1" applyBorder="1" applyAlignment="1">
      <alignment horizontal="center" vertical="center"/>
    </xf>
    <xf numFmtId="49" fontId="3" fillId="0" borderId="88" xfId="0" applyNumberFormat="1" applyFont="1" applyBorder="1" applyAlignment="1">
      <alignment horizontal="center" vertical="center"/>
    </xf>
    <xf numFmtId="0" fontId="17" fillId="0" borderId="24" xfId="0" applyFont="1" applyBorder="1" applyAlignment="1">
      <alignment horizontal="distributed" vertical="top"/>
    </xf>
  </cellXfs>
  <cellStyles count="6">
    <cellStyle name="標準" xfId="0" builtinId="0"/>
    <cellStyle name="標準 2" xfId="1"/>
    <cellStyle name="標準 2 2" xfId="2"/>
    <cellStyle name="標準_H19（その1）" xfId="3"/>
    <cellStyle name="標準_新規教職員名簿" xfId="4"/>
    <cellStyle name="標準_表紙" xf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drawing6.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1</xdr:col>
      <xdr:colOff>18416</xdr:colOff>
      <xdr:row>1</xdr:row>
      <xdr:rowOff>38100</xdr:rowOff>
    </xdr:from>
    <xdr:to>
      <xdr:col>2</xdr:col>
      <xdr:colOff>8382004</xdr:colOff>
      <xdr:row>3</xdr:row>
      <xdr:rowOff>103960</xdr:rowOff>
    </xdr:to>
    <xdr:sp macro="" textlink="">
      <xdr:nvSpPr>
        <xdr:cNvPr id="2" name="Rectangle 2"/>
        <xdr:cNvSpPr>
          <a:spLocks noChangeArrowheads="1"/>
        </xdr:cNvSpPr>
      </xdr:nvSpPr>
      <xdr:spPr bwMode="auto">
        <a:xfrm>
          <a:off x="412938" y="217394"/>
          <a:ext cx="8775885" cy="409014"/>
        </a:xfrm>
        <a:prstGeom prst="rect">
          <a:avLst/>
        </a:prstGeom>
        <a:solidFill>
          <a:srgbClr val="FFFF99"/>
        </a:solidFill>
        <a:ln w="9525">
          <a:solidFill>
            <a:srgbClr val="000000"/>
          </a:solidFill>
          <a:miter lim="800000"/>
          <a:headEnd/>
          <a:tailEnd/>
        </a:ln>
      </xdr:spPr>
      <xdr:txBody>
        <a:bodyPr vertOverflow="clip" wrap="square" lIns="45720" tIns="22860" rIns="45720" bIns="22860" anchor="ctr" upright="1"/>
        <a:lstStyle/>
        <a:p>
          <a:pPr algn="ctr" rtl="0">
            <a:defRPr sz="1000"/>
          </a:pPr>
          <a:r>
            <a:rPr lang="ja-JP" altLang="en-US" sz="1800" b="1" i="0" u="none" strike="noStrike" baseline="0">
              <a:solidFill>
                <a:srgbClr val="000000"/>
              </a:solidFill>
              <a:latin typeface="ＭＳ ゴシック"/>
              <a:ea typeface="ＭＳ ゴシック"/>
            </a:rPr>
            <a:t>令和</a:t>
          </a:r>
          <a:r>
            <a:rPr lang="ja-JP" altLang="en-US" sz="1800" b="1" i="0" u="none" strike="noStrike" baseline="0">
              <a:solidFill>
                <a:srgbClr val="FF0000"/>
              </a:solidFill>
              <a:latin typeface="ＭＳ ゴシック"/>
              <a:ea typeface="ＭＳ ゴシック"/>
            </a:rPr>
            <a:t>６</a:t>
          </a:r>
          <a:r>
            <a:rPr lang="ja-JP" altLang="en-US" sz="1800" b="1" i="0" u="none" strike="noStrike" baseline="0">
              <a:solidFill>
                <a:srgbClr val="000000"/>
              </a:solidFill>
              <a:latin typeface="ＭＳ ゴシック"/>
              <a:ea typeface="ＭＳ ゴシック"/>
            </a:rPr>
            <a:t>年度私立学校現況調査報告書記入要領（幼稚園）</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264085</xdr:colOff>
      <xdr:row>7</xdr:row>
      <xdr:rowOff>11205</xdr:rowOff>
    </xdr:from>
    <xdr:to>
      <xdr:col>10</xdr:col>
      <xdr:colOff>728372</xdr:colOff>
      <xdr:row>9</xdr:row>
      <xdr:rowOff>100853</xdr:rowOff>
    </xdr:to>
    <xdr:cxnSp macro="">
      <xdr:nvCxnSpPr>
        <xdr:cNvPr id="5" name="直線矢印コネクタ 4"/>
        <xdr:cNvCxnSpPr/>
      </xdr:nvCxnSpPr>
      <xdr:spPr>
        <a:xfrm>
          <a:off x="8550088" y="1389529"/>
          <a:ext cx="470647" cy="369795"/>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414618</xdr:colOff>
      <xdr:row>16</xdr:row>
      <xdr:rowOff>152027</xdr:rowOff>
    </xdr:from>
    <xdr:to>
      <xdr:col>10</xdr:col>
      <xdr:colOff>694765</xdr:colOff>
      <xdr:row>18</xdr:row>
      <xdr:rowOff>43</xdr:rowOff>
    </xdr:to>
    <xdr:cxnSp macro="">
      <xdr:nvCxnSpPr>
        <xdr:cNvPr id="7" name="直線矢印コネクタ 6"/>
        <xdr:cNvCxnSpPr/>
      </xdr:nvCxnSpPr>
      <xdr:spPr>
        <a:xfrm flipV="1">
          <a:off x="8706971" y="3339353"/>
          <a:ext cx="280147" cy="392206"/>
        </a:xfrm>
        <a:prstGeom prst="straightConnector1">
          <a:avLst/>
        </a:prstGeom>
        <a:ln w="19050">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50533</xdr:colOff>
      <xdr:row>21</xdr:row>
      <xdr:rowOff>172123</xdr:rowOff>
    </xdr:from>
    <xdr:to>
      <xdr:col>14</xdr:col>
      <xdr:colOff>268966</xdr:colOff>
      <xdr:row>25</xdr:row>
      <xdr:rowOff>10043</xdr:rowOff>
    </xdr:to>
    <xdr:sp macro="" textlink="">
      <xdr:nvSpPr>
        <xdr:cNvPr id="6" name="角丸四角形 5"/>
        <xdr:cNvSpPr/>
      </xdr:nvSpPr>
      <xdr:spPr>
        <a:xfrm>
          <a:off x="8236324" y="4740089"/>
          <a:ext cx="2196352" cy="818030"/>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助成グループからの通知などを受け取れるアドレスを記載してください。</a:t>
          </a:r>
        </a:p>
      </xdr:txBody>
    </xdr:sp>
    <xdr:clientData/>
  </xdr:twoCellAnchor>
  <xdr:twoCellAnchor>
    <xdr:from>
      <xdr:col>9</xdr:col>
      <xdr:colOff>142090</xdr:colOff>
      <xdr:row>25</xdr:row>
      <xdr:rowOff>90991</xdr:rowOff>
    </xdr:from>
    <xdr:to>
      <xdr:col>12</xdr:col>
      <xdr:colOff>206449</xdr:colOff>
      <xdr:row>27</xdr:row>
      <xdr:rowOff>67236</xdr:rowOff>
    </xdr:to>
    <xdr:sp macro="" textlink="">
      <xdr:nvSpPr>
        <xdr:cNvPr id="8" name="角丸四角形 7"/>
        <xdr:cNvSpPr/>
      </xdr:nvSpPr>
      <xdr:spPr>
        <a:xfrm>
          <a:off x="8195235" y="5619226"/>
          <a:ext cx="1401732" cy="431951"/>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solidFill>
                <a:schemeClr val="tx1"/>
              </a:solidFill>
            </a:rPr>
            <a:t>押印は省略可</a:t>
          </a:r>
        </a:p>
      </xdr:txBody>
    </xdr:sp>
    <xdr:clientData/>
  </xdr:twoCellAnchor>
  <xdr:twoCellAnchor>
    <xdr:from>
      <xdr:col>8</xdr:col>
      <xdr:colOff>67236</xdr:colOff>
      <xdr:row>4</xdr:row>
      <xdr:rowOff>228974</xdr:rowOff>
    </xdr:from>
    <xdr:to>
      <xdr:col>14</xdr:col>
      <xdr:colOff>165371</xdr:colOff>
      <xdr:row>7</xdr:row>
      <xdr:rowOff>11291</xdr:rowOff>
    </xdr:to>
    <xdr:sp macro="" textlink="">
      <xdr:nvSpPr>
        <xdr:cNvPr id="9" name="角丸四角形 8"/>
        <xdr:cNvSpPr/>
      </xdr:nvSpPr>
      <xdr:spPr>
        <a:xfrm>
          <a:off x="7956177" y="974912"/>
          <a:ext cx="2386854" cy="41461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chemeClr val="tx1"/>
              </a:solidFill>
            </a:rPr>
            <a:t>該当する方に○を記載してください。</a:t>
          </a:r>
        </a:p>
      </xdr:txBody>
    </xdr:sp>
    <xdr:clientData/>
  </xdr:twoCellAnchor>
  <xdr:twoCellAnchor>
    <xdr:from>
      <xdr:col>10</xdr:col>
      <xdr:colOff>0</xdr:colOff>
      <xdr:row>18</xdr:row>
      <xdr:rowOff>0</xdr:rowOff>
    </xdr:from>
    <xdr:to>
      <xdr:col>14</xdr:col>
      <xdr:colOff>198967</xdr:colOff>
      <xdr:row>21</xdr:row>
      <xdr:rowOff>0</xdr:rowOff>
    </xdr:to>
    <xdr:sp macro="" textlink="">
      <xdr:nvSpPr>
        <xdr:cNvPr id="14" name="角丸四角形 13"/>
        <xdr:cNvSpPr/>
      </xdr:nvSpPr>
      <xdr:spPr>
        <a:xfrm>
          <a:off x="8292353" y="3731559"/>
          <a:ext cx="2084295" cy="851647"/>
        </a:xfrm>
        <a:prstGeom prst="roundRect">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lnSpc>
              <a:spcPts val="1300"/>
            </a:lnSpc>
          </a:pPr>
          <a:r>
            <a:rPr kumimoji="1" lang="ja-JP" altLang="en-US" sz="1100">
              <a:solidFill>
                <a:schemeClr val="tx1"/>
              </a:solidFill>
            </a:rPr>
            <a:t>令和６年度に受ける助成について、該当する方に○を記載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15240</xdr:colOff>
      <xdr:row>75</xdr:row>
      <xdr:rowOff>91440</xdr:rowOff>
    </xdr:from>
    <xdr:to>
      <xdr:col>39</xdr:col>
      <xdr:colOff>228600</xdr:colOff>
      <xdr:row>78</xdr:row>
      <xdr:rowOff>60960</xdr:rowOff>
    </xdr:to>
    <xdr:sp macro="" textlink="">
      <xdr:nvSpPr>
        <xdr:cNvPr id="61528" name="AutoShape 1"/>
        <xdr:cNvSpPr>
          <a:spLocks/>
        </xdr:cNvSpPr>
      </xdr:nvSpPr>
      <xdr:spPr bwMode="auto">
        <a:xfrm rot="5400000">
          <a:off x="5543550" y="5132070"/>
          <a:ext cx="358140" cy="9814560"/>
        </a:xfrm>
        <a:prstGeom prst="rightBrace">
          <a:avLst>
            <a:gd name="adj1" fmla="val 228369"/>
            <a:gd name="adj2" fmla="val 16667"/>
          </a:avLst>
        </a:prstGeom>
        <a:noFill/>
        <a:ln w="222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6</xdr:row>
      <xdr:rowOff>99060</xdr:rowOff>
    </xdr:from>
    <xdr:to>
      <xdr:col>79</xdr:col>
      <xdr:colOff>182880</xdr:colOff>
      <xdr:row>109</xdr:row>
      <xdr:rowOff>38100</xdr:rowOff>
    </xdr:to>
    <xdr:sp macro="" textlink="">
      <xdr:nvSpPr>
        <xdr:cNvPr id="61529" name="Oval 2"/>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98</xdr:row>
      <xdr:rowOff>99060</xdr:rowOff>
    </xdr:from>
    <xdr:to>
      <xdr:col>82</xdr:col>
      <xdr:colOff>182880</xdr:colOff>
      <xdr:row>101</xdr:row>
      <xdr:rowOff>38100</xdr:rowOff>
    </xdr:to>
    <xdr:sp macro="" textlink="">
      <xdr:nvSpPr>
        <xdr:cNvPr id="61530" name="Oval 3"/>
        <xdr:cNvSpPr>
          <a:spLocks noChangeArrowheads="1"/>
        </xdr:cNvSpPr>
      </xdr:nvSpPr>
      <xdr:spPr bwMode="auto">
        <a:xfrm>
          <a:off x="18790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2</xdr:row>
      <xdr:rowOff>99060</xdr:rowOff>
    </xdr:from>
    <xdr:to>
      <xdr:col>82</xdr:col>
      <xdr:colOff>182880</xdr:colOff>
      <xdr:row>105</xdr:row>
      <xdr:rowOff>38100</xdr:rowOff>
    </xdr:to>
    <xdr:sp macro="" textlink="">
      <xdr:nvSpPr>
        <xdr:cNvPr id="61531" name="Oval 4"/>
        <xdr:cNvSpPr>
          <a:spLocks noChangeArrowheads="1"/>
        </xdr:cNvSpPr>
      </xdr:nvSpPr>
      <xdr:spPr bwMode="auto">
        <a:xfrm>
          <a:off x="18790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1</xdr:col>
      <xdr:colOff>30480</xdr:colOff>
      <xdr:row>106</xdr:row>
      <xdr:rowOff>99060</xdr:rowOff>
    </xdr:from>
    <xdr:to>
      <xdr:col>82</xdr:col>
      <xdr:colOff>182880</xdr:colOff>
      <xdr:row>109</xdr:row>
      <xdr:rowOff>38100</xdr:rowOff>
    </xdr:to>
    <xdr:sp macro="" textlink="">
      <xdr:nvSpPr>
        <xdr:cNvPr id="61532" name="Oval 5"/>
        <xdr:cNvSpPr>
          <a:spLocks noChangeArrowheads="1"/>
        </xdr:cNvSpPr>
      </xdr:nvSpPr>
      <xdr:spPr bwMode="auto">
        <a:xfrm>
          <a:off x="18790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98</xdr:row>
      <xdr:rowOff>99060</xdr:rowOff>
    </xdr:from>
    <xdr:to>
      <xdr:col>86</xdr:col>
      <xdr:colOff>182880</xdr:colOff>
      <xdr:row>101</xdr:row>
      <xdr:rowOff>38100</xdr:rowOff>
    </xdr:to>
    <xdr:sp macro="" textlink="">
      <xdr:nvSpPr>
        <xdr:cNvPr id="61533" name="Oval 6"/>
        <xdr:cNvSpPr>
          <a:spLocks noChangeArrowheads="1"/>
        </xdr:cNvSpPr>
      </xdr:nvSpPr>
      <xdr:spPr bwMode="auto">
        <a:xfrm>
          <a:off x="19552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2</xdr:row>
      <xdr:rowOff>99060</xdr:rowOff>
    </xdr:from>
    <xdr:to>
      <xdr:col>86</xdr:col>
      <xdr:colOff>182880</xdr:colOff>
      <xdr:row>105</xdr:row>
      <xdr:rowOff>38100</xdr:rowOff>
    </xdr:to>
    <xdr:sp macro="" textlink="">
      <xdr:nvSpPr>
        <xdr:cNvPr id="61534" name="Oval 7"/>
        <xdr:cNvSpPr>
          <a:spLocks noChangeArrowheads="1"/>
        </xdr:cNvSpPr>
      </xdr:nvSpPr>
      <xdr:spPr bwMode="auto">
        <a:xfrm>
          <a:off x="19552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5</xdr:col>
      <xdr:colOff>30480</xdr:colOff>
      <xdr:row>106</xdr:row>
      <xdr:rowOff>99060</xdr:rowOff>
    </xdr:from>
    <xdr:to>
      <xdr:col>86</xdr:col>
      <xdr:colOff>182880</xdr:colOff>
      <xdr:row>109</xdr:row>
      <xdr:rowOff>38100</xdr:rowOff>
    </xdr:to>
    <xdr:sp macro="" textlink="">
      <xdr:nvSpPr>
        <xdr:cNvPr id="61535" name="Oval 8"/>
        <xdr:cNvSpPr>
          <a:spLocks noChangeArrowheads="1"/>
        </xdr:cNvSpPr>
      </xdr:nvSpPr>
      <xdr:spPr bwMode="auto">
        <a:xfrm>
          <a:off x="19552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90500</xdr:colOff>
      <xdr:row>79</xdr:row>
      <xdr:rowOff>0</xdr:rowOff>
    </xdr:from>
    <xdr:to>
      <xdr:col>33</xdr:col>
      <xdr:colOff>190500</xdr:colOff>
      <xdr:row>104</xdr:row>
      <xdr:rowOff>60960</xdr:rowOff>
    </xdr:to>
    <xdr:sp macro="" textlink="">
      <xdr:nvSpPr>
        <xdr:cNvPr id="61536" name="Line 9"/>
        <xdr:cNvSpPr>
          <a:spLocks noChangeShapeType="1"/>
        </xdr:cNvSpPr>
      </xdr:nvSpPr>
      <xdr:spPr bwMode="auto">
        <a:xfrm>
          <a:off x="8991600" y="10287000"/>
          <a:ext cx="0" cy="3299460"/>
        </a:xfrm>
        <a:prstGeom prst="line">
          <a:avLst/>
        </a:prstGeom>
        <a:noFill/>
        <a:ln w="285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3</xdr:col>
      <xdr:colOff>190500</xdr:colOff>
      <xdr:row>104</xdr:row>
      <xdr:rowOff>45720</xdr:rowOff>
    </xdr:from>
    <xdr:to>
      <xdr:col>47</xdr:col>
      <xdr:colOff>152400</xdr:colOff>
      <xdr:row>104</xdr:row>
      <xdr:rowOff>45720</xdr:rowOff>
    </xdr:to>
    <xdr:sp macro="" textlink="">
      <xdr:nvSpPr>
        <xdr:cNvPr id="61537" name="Line 10"/>
        <xdr:cNvSpPr>
          <a:spLocks noChangeShapeType="1"/>
        </xdr:cNvSpPr>
      </xdr:nvSpPr>
      <xdr:spPr bwMode="auto">
        <a:xfrm>
          <a:off x="8991600" y="13571220"/>
          <a:ext cx="3398520" cy="0"/>
        </a:xfrm>
        <a:prstGeom prst="line">
          <a:avLst/>
        </a:prstGeom>
        <a:noFill/>
        <a:ln w="22225">
          <a:solidFill>
            <a:srgbClr val="000000"/>
          </a:solidFill>
          <a:round/>
          <a:headEnd/>
          <a:tailEnd type="triangle" w="lg" len="lg"/>
        </a:ln>
        <a:extLst>
          <a:ext uri="{909E8E84-426E-40DD-AFC4-6F175D3DCCD1}">
            <a14:hiddenFill xmlns:a14="http://schemas.microsoft.com/office/drawing/2010/main">
              <a:noFill/>
            </a14:hiddenFill>
          </a:ext>
        </a:extLst>
      </xdr:spPr>
    </xdr:sp>
    <xdr:clientData/>
  </xdr:twoCellAnchor>
  <xdr:twoCellAnchor>
    <xdr:from>
      <xdr:col>60</xdr:col>
      <xdr:colOff>30480</xdr:colOff>
      <xdr:row>98</xdr:row>
      <xdr:rowOff>99060</xdr:rowOff>
    </xdr:from>
    <xdr:to>
      <xdr:col>61</xdr:col>
      <xdr:colOff>182880</xdr:colOff>
      <xdr:row>101</xdr:row>
      <xdr:rowOff>38100</xdr:rowOff>
    </xdr:to>
    <xdr:sp macro="" textlink="">
      <xdr:nvSpPr>
        <xdr:cNvPr id="61538" name="Oval 11"/>
        <xdr:cNvSpPr>
          <a:spLocks noChangeArrowheads="1"/>
        </xdr:cNvSpPr>
      </xdr:nvSpPr>
      <xdr:spPr bwMode="auto">
        <a:xfrm>
          <a:off x="14790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2</xdr:row>
      <xdr:rowOff>99060</xdr:rowOff>
    </xdr:from>
    <xdr:to>
      <xdr:col>61</xdr:col>
      <xdr:colOff>182880</xdr:colOff>
      <xdr:row>105</xdr:row>
      <xdr:rowOff>38100</xdr:rowOff>
    </xdr:to>
    <xdr:sp macro="" textlink="">
      <xdr:nvSpPr>
        <xdr:cNvPr id="61539" name="Oval 12"/>
        <xdr:cNvSpPr>
          <a:spLocks noChangeArrowheads="1"/>
        </xdr:cNvSpPr>
      </xdr:nvSpPr>
      <xdr:spPr bwMode="auto">
        <a:xfrm>
          <a:off x="14790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0</xdr:col>
      <xdr:colOff>30480</xdr:colOff>
      <xdr:row>106</xdr:row>
      <xdr:rowOff>99060</xdr:rowOff>
    </xdr:from>
    <xdr:to>
      <xdr:col>61</xdr:col>
      <xdr:colOff>182880</xdr:colOff>
      <xdr:row>109</xdr:row>
      <xdr:rowOff>38100</xdr:rowOff>
    </xdr:to>
    <xdr:sp macro="" textlink="">
      <xdr:nvSpPr>
        <xdr:cNvPr id="61540" name="Oval 13"/>
        <xdr:cNvSpPr>
          <a:spLocks noChangeArrowheads="1"/>
        </xdr:cNvSpPr>
      </xdr:nvSpPr>
      <xdr:spPr bwMode="auto">
        <a:xfrm>
          <a:off x="14790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98</xdr:row>
      <xdr:rowOff>99060</xdr:rowOff>
    </xdr:from>
    <xdr:to>
      <xdr:col>64</xdr:col>
      <xdr:colOff>182880</xdr:colOff>
      <xdr:row>101</xdr:row>
      <xdr:rowOff>38100</xdr:rowOff>
    </xdr:to>
    <xdr:sp macro="" textlink="">
      <xdr:nvSpPr>
        <xdr:cNvPr id="61541" name="Oval 14"/>
        <xdr:cNvSpPr>
          <a:spLocks noChangeArrowheads="1"/>
        </xdr:cNvSpPr>
      </xdr:nvSpPr>
      <xdr:spPr bwMode="auto">
        <a:xfrm>
          <a:off x="15361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2</xdr:row>
      <xdr:rowOff>99060</xdr:rowOff>
    </xdr:from>
    <xdr:to>
      <xdr:col>64</xdr:col>
      <xdr:colOff>182880</xdr:colOff>
      <xdr:row>105</xdr:row>
      <xdr:rowOff>38100</xdr:rowOff>
    </xdr:to>
    <xdr:sp macro="" textlink="">
      <xdr:nvSpPr>
        <xdr:cNvPr id="61542" name="Oval 15"/>
        <xdr:cNvSpPr>
          <a:spLocks noChangeArrowheads="1"/>
        </xdr:cNvSpPr>
      </xdr:nvSpPr>
      <xdr:spPr bwMode="auto">
        <a:xfrm>
          <a:off x="15361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3</xdr:col>
      <xdr:colOff>30480</xdr:colOff>
      <xdr:row>106</xdr:row>
      <xdr:rowOff>99060</xdr:rowOff>
    </xdr:from>
    <xdr:to>
      <xdr:col>64</xdr:col>
      <xdr:colOff>182880</xdr:colOff>
      <xdr:row>109</xdr:row>
      <xdr:rowOff>38100</xdr:rowOff>
    </xdr:to>
    <xdr:sp macro="" textlink="">
      <xdr:nvSpPr>
        <xdr:cNvPr id="61543" name="Oval 16"/>
        <xdr:cNvSpPr>
          <a:spLocks noChangeArrowheads="1"/>
        </xdr:cNvSpPr>
      </xdr:nvSpPr>
      <xdr:spPr bwMode="auto">
        <a:xfrm>
          <a:off x="15361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98</xdr:row>
      <xdr:rowOff>99060</xdr:rowOff>
    </xdr:from>
    <xdr:to>
      <xdr:col>67</xdr:col>
      <xdr:colOff>182880</xdr:colOff>
      <xdr:row>101</xdr:row>
      <xdr:rowOff>38100</xdr:rowOff>
    </xdr:to>
    <xdr:sp macro="" textlink="">
      <xdr:nvSpPr>
        <xdr:cNvPr id="61544" name="Oval 17"/>
        <xdr:cNvSpPr>
          <a:spLocks noChangeArrowheads="1"/>
        </xdr:cNvSpPr>
      </xdr:nvSpPr>
      <xdr:spPr bwMode="auto">
        <a:xfrm>
          <a:off x="15933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2</xdr:row>
      <xdr:rowOff>99060</xdr:rowOff>
    </xdr:from>
    <xdr:to>
      <xdr:col>67</xdr:col>
      <xdr:colOff>182880</xdr:colOff>
      <xdr:row>105</xdr:row>
      <xdr:rowOff>38100</xdr:rowOff>
    </xdr:to>
    <xdr:sp macro="" textlink="">
      <xdr:nvSpPr>
        <xdr:cNvPr id="61545" name="Oval 18"/>
        <xdr:cNvSpPr>
          <a:spLocks noChangeArrowheads="1"/>
        </xdr:cNvSpPr>
      </xdr:nvSpPr>
      <xdr:spPr bwMode="auto">
        <a:xfrm>
          <a:off x="15933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30480</xdr:colOff>
      <xdr:row>106</xdr:row>
      <xdr:rowOff>99060</xdr:rowOff>
    </xdr:from>
    <xdr:to>
      <xdr:col>67</xdr:col>
      <xdr:colOff>182880</xdr:colOff>
      <xdr:row>109</xdr:row>
      <xdr:rowOff>38100</xdr:rowOff>
    </xdr:to>
    <xdr:sp macro="" textlink="">
      <xdr:nvSpPr>
        <xdr:cNvPr id="61546" name="Oval 19"/>
        <xdr:cNvSpPr>
          <a:spLocks noChangeArrowheads="1"/>
        </xdr:cNvSpPr>
      </xdr:nvSpPr>
      <xdr:spPr bwMode="auto">
        <a:xfrm>
          <a:off x="15933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98</xdr:row>
      <xdr:rowOff>99060</xdr:rowOff>
    </xdr:from>
    <xdr:to>
      <xdr:col>70</xdr:col>
      <xdr:colOff>182880</xdr:colOff>
      <xdr:row>101</xdr:row>
      <xdr:rowOff>38100</xdr:rowOff>
    </xdr:to>
    <xdr:sp macro="" textlink="">
      <xdr:nvSpPr>
        <xdr:cNvPr id="61547" name="Oval 20"/>
        <xdr:cNvSpPr>
          <a:spLocks noChangeArrowheads="1"/>
        </xdr:cNvSpPr>
      </xdr:nvSpPr>
      <xdr:spPr bwMode="auto">
        <a:xfrm>
          <a:off x="16504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2</xdr:row>
      <xdr:rowOff>99060</xdr:rowOff>
    </xdr:from>
    <xdr:to>
      <xdr:col>70</xdr:col>
      <xdr:colOff>182880</xdr:colOff>
      <xdr:row>105</xdr:row>
      <xdr:rowOff>38100</xdr:rowOff>
    </xdr:to>
    <xdr:sp macro="" textlink="">
      <xdr:nvSpPr>
        <xdr:cNvPr id="61548" name="Oval 21"/>
        <xdr:cNvSpPr>
          <a:spLocks noChangeArrowheads="1"/>
        </xdr:cNvSpPr>
      </xdr:nvSpPr>
      <xdr:spPr bwMode="auto">
        <a:xfrm>
          <a:off x="16504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9</xdr:col>
      <xdr:colOff>30480</xdr:colOff>
      <xdr:row>106</xdr:row>
      <xdr:rowOff>99060</xdr:rowOff>
    </xdr:from>
    <xdr:to>
      <xdr:col>70</xdr:col>
      <xdr:colOff>182880</xdr:colOff>
      <xdr:row>109</xdr:row>
      <xdr:rowOff>38100</xdr:rowOff>
    </xdr:to>
    <xdr:sp macro="" textlink="">
      <xdr:nvSpPr>
        <xdr:cNvPr id="61549" name="Oval 22"/>
        <xdr:cNvSpPr>
          <a:spLocks noChangeArrowheads="1"/>
        </xdr:cNvSpPr>
      </xdr:nvSpPr>
      <xdr:spPr bwMode="auto">
        <a:xfrm>
          <a:off x="16504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98</xdr:row>
      <xdr:rowOff>99060</xdr:rowOff>
    </xdr:from>
    <xdr:to>
      <xdr:col>73</xdr:col>
      <xdr:colOff>182880</xdr:colOff>
      <xdr:row>101</xdr:row>
      <xdr:rowOff>38100</xdr:rowOff>
    </xdr:to>
    <xdr:sp macro="" textlink="">
      <xdr:nvSpPr>
        <xdr:cNvPr id="61550" name="Oval 23"/>
        <xdr:cNvSpPr>
          <a:spLocks noChangeArrowheads="1"/>
        </xdr:cNvSpPr>
      </xdr:nvSpPr>
      <xdr:spPr bwMode="auto">
        <a:xfrm>
          <a:off x="17076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2</xdr:row>
      <xdr:rowOff>99060</xdr:rowOff>
    </xdr:from>
    <xdr:to>
      <xdr:col>73</xdr:col>
      <xdr:colOff>182880</xdr:colOff>
      <xdr:row>105</xdr:row>
      <xdr:rowOff>38100</xdr:rowOff>
    </xdr:to>
    <xdr:sp macro="" textlink="">
      <xdr:nvSpPr>
        <xdr:cNvPr id="61551" name="Oval 24"/>
        <xdr:cNvSpPr>
          <a:spLocks noChangeArrowheads="1"/>
        </xdr:cNvSpPr>
      </xdr:nvSpPr>
      <xdr:spPr bwMode="auto">
        <a:xfrm>
          <a:off x="17076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2</xdr:col>
      <xdr:colOff>30480</xdr:colOff>
      <xdr:row>106</xdr:row>
      <xdr:rowOff>99060</xdr:rowOff>
    </xdr:from>
    <xdr:to>
      <xdr:col>73</xdr:col>
      <xdr:colOff>182880</xdr:colOff>
      <xdr:row>109</xdr:row>
      <xdr:rowOff>38100</xdr:rowOff>
    </xdr:to>
    <xdr:sp macro="" textlink="">
      <xdr:nvSpPr>
        <xdr:cNvPr id="61552" name="Oval 25"/>
        <xdr:cNvSpPr>
          <a:spLocks noChangeArrowheads="1"/>
        </xdr:cNvSpPr>
      </xdr:nvSpPr>
      <xdr:spPr bwMode="auto">
        <a:xfrm>
          <a:off x="17076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98</xdr:row>
      <xdr:rowOff>99060</xdr:rowOff>
    </xdr:from>
    <xdr:to>
      <xdr:col>76</xdr:col>
      <xdr:colOff>182880</xdr:colOff>
      <xdr:row>101</xdr:row>
      <xdr:rowOff>38100</xdr:rowOff>
    </xdr:to>
    <xdr:sp macro="" textlink="">
      <xdr:nvSpPr>
        <xdr:cNvPr id="61553" name="Oval 26"/>
        <xdr:cNvSpPr>
          <a:spLocks noChangeArrowheads="1"/>
        </xdr:cNvSpPr>
      </xdr:nvSpPr>
      <xdr:spPr bwMode="auto">
        <a:xfrm>
          <a:off x="176479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2</xdr:row>
      <xdr:rowOff>99060</xdr:rowOff>
    </xdr:from>
    <xdr:to>
      <xdr:col>76</xdr:col>
      <xdr:colOff>182880</xdr:colOff>
      <xdr:row>105</xdr:row>
      <xdr:rowOff>38100</xdr:rowOff>
    </xdr:to>
    <xdr:sp macro="" textlink="">
      <xdr:nvSpPr>
        <xdr:cNvPr id="61554" name="Oval 27"/>
        <xdr:cNvSpPr>
          <a:spLocks noChangeArrowheads="1"/>
        </xdr:cNvSpPr>
      </xdr:nvSpPr>
      <xdr:spPr bwMode="auto">
        <a:xfrm>
          <a:off x="176479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5</xdr:col>
      <xdr:colOff>30480</xdr:colOff>
      <xdr:row>106</xdr:row>
      <xdr:rowOff>99060</xdr:rowOff>
    </xdr:from>
    <xdr:to>
      <xdr:col>76</xdr:col>
      <xdr:colOff>182880</xdr:colOff>
      <xdr:row>109</xdr:row>
      <xdr:rowOff>38100</xdr:rowOff>
    </xdr:to>
    <xdr:sp macro="" textlink="">
      <xdr:nvSpPr>
        <xdr:cNvPr id="61555" name="Oval 28"/>
        <xdr:cNvSpPr>
          <a:spLocks noChangeArrowheads="1"/>
        </xdr:cNvSpPr>
      </xdr:nvSpPr>
      <xdr:spPr bwMode="auto">
        <a:xfrm>
          <a:off x="176479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98</xdr:row>
      <xdr:rowOff>99060</xdr:rowOff>
    </xdr:from>
    <xdr:to>
      <xdr:col>79</xdr:col>
      <xdr:colOff>182880</xdr:colOff>
      <xdr:row>101</xdr:row>
      <xdr:rowOff>38100</xdr:rowOff>
    </xdr:to>
    <xdr:sp macro="" textlink="">
      <xdr:nvSpPr>
        <xdr:cNvPr id="61556" name="Oval 29"/>
        <xdr:cNvSpPr>
          <a:spLocks noChangeArrowheads="1"/>
        </xdr:cNvSpPr>
      </xdr:nvSpPr>
      <xdr:spPr bwMode="auto">
        <a:xfrm>
          <a:off x="18219420" y="1284732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2</xdr:row>
      <xdr:rowOff>99060</xdr:rowOff>
    </xdr:from>
    <xdr:to>
      <xdr:col>79</xdr:col>
      <xdr:colOff>182880</xdr:colOff>
      <xdr:row>105</xdr:row>
      <xdr:rowOff>38100</xdr:rowOff>
    </xdr:to>
    <xdr:sp macro="" textlink="">
      <xdr:nvSpPr>
        <xdr:cNvPr id="61557" name="Oval 30"/>
        <xdr:cNvSpPr>
          <a:spLocks noChangeArrowheads="1"/>
        </xdr:cNvSpPr>
      </xdr:nvSpPr>
      <xdr:spPr bwMode="auto">
        <a:xfrm>
          <a:off x="18219420" y="1336548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8</xdr:col>
      <xdr:colOff>30480</xdr:colOff>
      <xdr:row>106</xdr:row>
      <xdr:rowOff>99060</xdr:rowOff>
    </xdr:from>
    <xdr:to>
      <xdr:col>79</xdr:col>
      <xdr:colOff>182880</xdr:colOff>
      <xdr:row>109</xdr:row>
      <xdr:rowOff>38100</xdr:rowOff>
    </xdr:to>
    <xdr:sp macro="" textlink="">
      <xdr:nvSpPr>
        <xdr:cNvPr id="61558" name="Oval 31"/>
        <xdr:cNvSpPr>
          <a:spLocks noChangeArrowheads="1"/>
        </xdr:cNvSpPr>
      </xdr:nvSpPr>
      <xdr:spPr bwMode="auto">
        <a:xfrm>
          <a:off x="18219420" y="1388364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14300</xdr:colOff>
      <xdr:row>61</xdr:row>
      <xdr:rowOff>30480</xdr:rowOff>
    </xdr:from>
    <xdr:to>
      <xdr:col>32</xdr:col>
      <xdr:colOff>190500</xdr:colOff>
      <xdr:row>63</xdr:row>
      <xdr:rowOff>99060</xdr:rowOff>
    </xdr:to>
    <xdr:sp macro="" textlink="">
      <xdr:nvSpPr>
        <xdr:cNvPr id="61559" name="Oval 111"/>
        <xdr:cNvSpPr>
          <a:spLocks noChangeArrowheads="1"/>
        </xdr:cNvSpPr>
      </xdr:nvSpPr>
      <xdr:spPr bwMode="auto">
        <a:xfrm>
          <a:off x="83820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21920</xdr:colOff>
      <xdr:row>66</xdr:row>
      <xdr:rowOff>38100</xdr:rowOff>
    </xdr:from>
    <xdr:to>
      <xdr:col>32</xdr:col>
      <xdr:colOff>205740</xdr:colOff>
      <xdr:row>68</xdr:row>
      <xdr:rowOff>114300</xdr:rowOff>
    </xdr:to>
    <xdr:sp macro="" textlink="">
      <xdr:nvSpPr>
        <xdr:cNvPr id="61560" name="Oval 117"/>
        <xdr:cNvSpPr>
          <a:spLocks noChangeArrowheads="1"/>
        </xdr:cNvSpPr>
      </xdr:nvSpPr>
      <xdr:spPr bwMode="auto">
        <a:xfrm>
          <a:off x="8389620" y="864108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1</xdr:col>
      <xdr:colOff>121920</xdr:colOff>
      <xdr:row>71</xdr:row>
      <xdr:rowOff>7620</xdr:rowOff>
    </xdr:from>
    <xdr:to>
      <xdr:col>32</xdr:col>
      <xdr:colOff>205740</xdr:colOff>
      <xdr:row>73</xdr:row>
      <xdr:rowOff>91440</xdr:rowOff>
    </xdr:to>
    <xdr:sp macro="" textlink="">
      <xdr:nvSpPr>
        <xdr:cNvPr id="61561" name="Oval 118"/>
        <xdr:cNvSpPr>
          <a:spLocks noChangeArrowheads="1"/>
        </xdr:cNvSpPr>
      </xdr:nvSpPr>
      <xdr:spPr bwMode="auto">
        <a:xfrm>
          <a:off x="8389620" y="9258300"/>
          <a:ext cx="350520" cy="34290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37160</xdr:colOff>
      <xdr:row>61</xdr:row>
      <xdr:rowOff>30480</xdr:rowOff>
    </xdr:from>
    <xdr:to>
      <xdr:col>29</xdr:col>
      <xdr:colOff>213360</xdr:colOff>
      <xdr:row>63</xdr:row>
      <xdr:rowOff>99060</xdr:rowOff>
    </xdr:to>
    <xdr:sp macro="" textlink="">
      <xdr:nvSpPr>
        <xdr:cNvPr id="61562" name="Oval 119"/>
        <xdr:cNvSpPr>
          <a:spLocks noChangeArrowheads="1"/>
        </xdr:cNvSpPr>
      </xdr:nvSpPr>
      <xdr:spPr bwMode="auto">
        <a:xfrm>
          <a:off x="760476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121920</xdr:colOff>
      <xdr:row>61</xdr:row>
      <xdr:rowOff>30480</xdr:rowOff>
    </xdr:from>
    <xdr:to>
      <xdr:col>26</xdr:col>
      <xdr:colOff>205740</xdr:colOff>
      <xdr:row>63</xdr:row>
      <xdr:rowOff>99060</xdr:rowOff>
    </xdr:to>
    <xdr:sp macro="" textlink="">
      <xdr:nvSpPr>
        <xdr:cNvPr id="61563" name="Oval 120"/>
        <xdr:cNvSpPr>
          <a:spLocks noChangeArrowheads="1"/>
        </xdr:cNvSpPr>
      </xdr:nvSpPr>
      <xdr:spPr bwMode="auto">
        <a:xfrm>
          <a:off x="6789420" y="79857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121920</xdr:colOff>
      <xdr:row>66</xdr:row>
      <xdr:rowOff>30480</xdr:rowOff>
    </xdr:from>
    <xdr:to>
      <xdr:col>26</xdr:col>
      <xdr:colOff>205740</xdr:colOff>
      <xdr:row>68</xdr:row>
      <xdr:rowOff>99060</xdr:rowOff>
    </xdr:to>
    <xdr:sp macro="" textlink="">
      <xdr:nvSpPr>
        <xdr:cNvPr id="61564" name="Oval 121"/>
        <xdr:cNvSpPr>
          <a:spLocks noChangeArrowheads="1"/>
        </xdr:cNvSpPr>
      </xdr:nvSpPr>
      <xdr:spPr bwMode="auto">
        <a:xfrm>
          <a:off x="6789420" y="86334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14300</xdr:colOff>
      <xdr:row>66</xdr:row>
      <xdr:rowOff>30480</xdr:rowOff>
    </xdr:from>
    <xdr:to>
      <xdr:col>29</xdr:col>
      <xdr:colOff>190500</xdr:colOff>
      <xdr:row>68</xdr:row>
      <xdr:rowOff>99060</xdr:rowOff>
    </xdr:to>
    <xdr:sp macro="" textlink="">
      <xdr:nvSpPr>
        <xdr:cNvPr id="61565" name="Oval 122"/>
        <xdr:cNvSpPr>
          <a:spLocks noChangeArrowheads="1"/>
        </xdr:cNvSpPr>
      </xdr:nvSpPr>
      <xdr:spPr bwMode="auto">
        <a:xfrm>
          <a:off x="7581900" y="86334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14300</xdr:colOff>
      <xdr:row>71</xdr:row>
      <xdr:rowOff>22860</xdr:rowOff>
    </xdr:from>
    <xdr:to>
      <xdr:col>29</xdr:col>
      <xdr:colOff>190500</xdr:colOff>
      <xdr:row>73</xdr:row>
      <xdr:rowOff>99060</xdr:rowOff>
    </xdr:to>
    <xdr:sp macro="" textlink="">
      <xdr:nvSpPr>
        <xdr:cNvPr id="61566" name="Oval 123"/>
        <xdr:cNvSpPr>
          <a:spLocks noChangeArrowheads="1"/>
        </xdr:cNvSpPr>
      </xdr:nvSpPr>
      <xdr:spPr bwMode="auto">
        <a:xfrm>
          <a:off x="7581900" y="9273540"/>
          <a:ext cx="34290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121920</xdr:colOff>
      <xdr:row>71</xdr:row>
      <xdr:rowOff>22860</xdr:rowOff>
    </xdr:from>
    <xdr:to>
      <xdr:col>26</xdr:col>
      <xdr:colOff>205740</xdr:colOff>
      <xdr:row>73</xdr:row>
      <xdr:rowOff>99060</xdr:rowOff>
    </xdr:to>
    <xdr:sp macro="" textlink="">
      <xdr:nvSpPr>
        <xdr:cNvPr id="61567" name="Oval 124"/>
        <xdr:cNvSpPr>
          <a:spLocks noChangeArrowheads="1"/>
        </xdr:cNvSpPr>
      </xdr:nvSpPr>
      <xdr:spPr bwMode="auto">
        <a:xfrm>
          <a:off x="678942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114300</xdr:colOff>
      <xdr:row>61</xdr:row>
      <xdr:rowOff>30480</xdr:rowOff>
    </xdr:from>
    <xdr:to>
      <xdr:col>39</xdr:col>
      <xdr:colOff>190500</xdr:colOff>
      <xdr:row>63</xdr:row>
      <xdr:rowOff>99060</xdr:rowOff>
    </xdr:to>
    <xdr:sp macro="" textlink="">
      <xdr:nvSpPr>
        <xdr:cNvPr id="61568" name="Oval 125"/>
        <xdr:cNvSpPr>
          <a:spLocks noChangeArrowheads="1"/>
        </xdr:cNvSpPr>
      </xdr:nvSpPr>
      <xdr:spPr bwMode="auto">
        <a:xfrm>
          <a:off x="102489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114300</xdr:colOff>
      <xdr:row>66</xdr:row>
      <xdr:rowOff>30480</xdr:rowOff>
    </xdr:from>
    <xdr:to>
      <xdr:col>39</xdr:col>
      <xdr:colOff>190500</xdr:colOff>
      <xdr:row>68</xdr:row>
      <xdr:rowOff>99060</xdr:rowOff>
    </xdr:to>
    <xdr:sp macro="" textlink="">
      <xdr:nvSpPr>
        <xdr:cNvPr id="61569" name="Oval 126"/>
        <xdr:cNvSpPr>
          <a:spLocks noChangeArrowheads="1"/>
        </xdr:cNvSpPr>
      </xdr:nvSpPr>
      <xdr:spPr bwMode="auto">
        <a:xfrm>
          <a:off x="10248900" y="86334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121920</xdr:colOff>
      <xdr:row>71</xdr:row>
      <xdr:rowOff>22860</xdr:rowOff>
    </xdr:from>
    <xdr:to>
      <xdr:col>39</xdr:col>
      <xdr:colOff>205740</xdr:colOff>
      <xdr:row>73</xdr:row>
      <xdr:rowOff>99060</xdr:rowOff>
    </xdr:to>
    <xdr:sp macro="" textlink="">
      <xdr:nvSpPr>
        <xdr:cNvPr id="61570" name="Oval 127"/>
        <xdr:cNvSpPr>
          <a:spLocks noChangeArrowheads="1"/>
        </xdr:cNvSpPr>
      </xdr:nvSpPr>
      <xdr:spPr bwMode="auto">
        <a:xfrm>
          <a:off x="1025652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21920</xdr:colOff>
      <xdr:row>61</xdr:row>
      <xdr:rowOff>30480</xdr:rowOff>
    </xdr:from>
    <xdr:to>
      <xdr:col>20</xdr:col>
      <xdr:colOff>205740</xdr:colOff>
      <xdr:row>63</xdr:row>
      <xdr:rowOff>99060</xdr:rowOff>
    </xdr:to>
    <xdr:sp macro="" textlink="">
      <xdr:nvSpPr>
        <xdr:cNvPr id="61571" name="Oval 128"/>
        <xdr:cNvSpPr>
          <a:spLocks noChangeArrowheads="1"/>
        </xdr:cNvSpPr>
      </xdr:nvSpPr>
      <xdr:spPr bwMode="auto">
        <a:xfrm>
          <a:off x="5189220" y="79857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21920</xdr:colOff>
      <xdr:row>66</xdr:row>
      <xdr:rowOff>30480</xdr:rowOff>
    </xdr:from>
    <xdr:to>
      <xdr:col>20</xdr:col>
      <xdr:colOff>205740</xdr:colOff>
      <xdr:row>68</xdr:row>
      <xdr:rowOff>99060</xdr:rowOff>
    </xdr:to>
    <xdr:sp macro="" textlink="">
      <xdr:nvSpPr>
        <xdr:cNvPr id="61572" name="Oval 129"/>
        <xdr:cNvSpPr>
          <a:spLocks noChangeArrowheads="1"/>
        </xdr:cNvSpPr>
      </xdr:nvSpPr>
      <xdr:spPr bwMode="auto">
        <a:xfrm>
          <a:off x="5189220" y="86334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121920</xdr:colOff>
      <xdr:row>71</xdr:row>
      <xdr:rowOff>22860</xdr:rowOff>
    </xdr:from>
    <xdr:to>
      <xdr:col>20</xdr:col>
      <xdr:colOff>205740</xdr:colOff>
      <xdr:row>73</xdr:row>
      <xdr:rowOff>99060</xdr:rowOff>
    </xdr:to>
    <xdr:sp macro="" textlink="">
      <xdr:nvSpPr>
        <xdr:cNvPr id="61573" name="Oval 130"/>
        <xdr:cNvSpPr>
          <a:spLocks noChangeArrowheads="1"/>
        </xdr:cNvSpPr>
      </xdr:nvSpPr>
      <xdr:spPr bwMode="auto">
        <a:xfrm>
          <a:off x="518922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114300</xdr:colOff>
      <xdr:row>61</xdr:row>
      <xdr:rowOff>30480</xdr:rowOff>
    </xdr:from>
    <xdr:to>
      <xdr:col>17</xdr:col>
      <xdr:colOff>190500</xdr:colOff>
      <xdr:row>63</xdr:row>
      <xdr:rowOff>99060</xdr:rowOff>
    </xdr:to>
    <xdr:sp macro="" textlink="">
      <xdr:nvSpPr>
        <xdr:cNvPr id="61574" name="Oval 131"/>
        <xdr:cNvSpPr>
          <a:spLocks noChangeArrowheads="1"/>
        </xdr:cNvSpPr>
      </xdr:nvSpPr>
      <xdr:spPr bwMode="auto">
        <a:xfrm>
          <a:off x="4381500" y="79857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114300</xdr:colOff>
      <xdr:row>66</xdr:row>
      <xdr:rowOff>30480</xdr:rowOff>
    </xdr:from>
    <xdr:to>
      <xdr:col>17</xdr:col>
      <xdr:colOff>190500</xdr:colOff>
      <xdr:row>68</xdr:row>
      <xdr:rowOff>99060</xdr:rowOff>
    </xdr:to>
    <xdr:sp macro="" textlink="">
      <xdr:nvSpPr>
        <xdr:cNvPr id="61575" name="Oval 132"/>
        <xdr:cNvSpPr>
          <a:spLocks noChangeArrowheads="1"/>
        </xdr:cNvSpPr>
      </xdr:nvSpPr>
      <xdr:spPr bwMode="auto">
        <a:xfrm>
          <a:off x="4381500" y="8633460"/>
          <a:ext cx="34290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6</xdr:col>
      <xdr:colOff>121920</xdr:colOff>
      <xdr:row>71</xdr:row>
      <xdr:rowOff>7620</xdr:rowOff>
    </xdr:from>
    <xdr:to>
      <xdr:col>17</xdr:col>
      <xdr:colOff>205740</xdr:colOff>
      <xdr:row>73</xdr:row>
      <xdr:rowOff>91440</xdr:rowOff>
    </xdr:to>
    <xdr:sp macro="" textlink="">
      <xdr:nvSpPr>
        <xdr:cNvPr id="61576" name="Oval 133"/>
        <xdr:cNvSpPr>
          <a:spLocks noChangeArrowheads="1"/>
        </xdr:cNvSpPr>
      </xdr:nvSpPr>
      <xdr:spPr bwMode="auto">
        <a:xfrm>
          <a:off x="4389120" y="9258300"/>
          <a:ext cx="350520" cy="34290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99060</xdr:colOff>
      <xdr:row>61</xdr:row>
      <xdr:rowOff>22860</xdr:rowOff>
    </xdr:from>
    <xdr:to>
      <xdr:col>11</xdr:col>
      <xdr:colOff>182880</xdr:colOff>
      <xdr:row>63</xdr:row>
      <xdr:rowOff>99060</xdr:rowOff>
    </xdr:to>
    <xdr:sp macro="" textlink="">
      <xdr:nvSpPr>
        <xdr:cNvPr id="61577" name="Oval 134"/>
        <xdr:cNvSpPr>
          <a:spLocks noChangeArrowheads="1"/>
        </xdr:cNvSpPr>
      </xdr:nvSpPr>
      <xdr:spPr bwMode="auto">
        <a:xfrm>
          <a:off x="2766060" y="79781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99060</xdr:colOff>
      <xdr:row>66</xdr:row>
      <xdr:rowOff>38100</xdr:rowOff>
    </xdr:from>
    <xdr:to>
      <xdr:col>11</xdr:col>
      <xdr:colOff>182880</xdr:colOff>
      <xdr:row>68</xdr:row>
      <xdr:rowOff>114300</xdr:rowOff>
    </xdr:to>
    <xdr:sp macro="" textlink="">
      <xdr:nvSpPr>
        <xdr:cNvPr id="61578" name="Oval 135"/>
        <xdr:cNvSpPr>
          <a:spLocks noChangeArrowheads="1"/>
        </xdr:cNvSpPr>
      </xdr:nvSpPr>
      <xdr:spPr bwMode="auto">
        <a:xfrm>
          <a:off x="2766060" y="864108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99060</xdr:colOff>
      <xdr:row>71</xdr:row>
      <xdr:rowOff>22860</xdr:rowOff>
    </xdr:from>
    <xdr:to>
      <xdr:col>11</xdr:col>
      <xdr:colOff>182880</xdr:colOff>
      <xdr:row>73</xdr:row>
      <xdr:rowOff>99060</xdr:rowOff>
    </xdr:to>
    <xdr:sp macro="" textlink="">
      <xdr:nvSpPr>
        <xdr:cNvPr id="61579" name="Oval 136"/>
        <xdr:cNvSpPr>
          <a:spLocks noChangeArrowheads="1"/>
        </xdr:cNvSpPr>
      </xdr:nvSpPr>
      <xdr:spPr bwMode="auto">
        <a:xfrm>
          <a:off x="276606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99060</xdr:colOff>
      <xdr:row>61</xdr:row>
      <xdr:rowOff>30480</xdr:rowOff>
    </xdr:from>
    <xdr:to>
      <xdr:col>8</xdr:col>
      <xdr:colOff>182880</xdr:colOff>
      <xdr:row>63</xdr:row>
      <xdr:rowOff>99060</xdr:rowOff>
    </xdr:to>
    <xdr:sp macro="" textlink="">
      <xdr:nvSpPr>
        <xdr:cNvPr id="61580" name="Oval 137"/>
        <xdr:cNvSpPr>
          <a:spLocks noChangeArrowheads="1"/>
        </xdr:cNvSpPr>
      </xdr:nvSpPr>
      <xdr:spPr bwMode="auto">
        <a:xfrm>
          <a:off x="1965960" y="79857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99060</xdr:colOff>
      <xdr:row>66</xdr:row>
      <xdr:rowOff>30480</xdr:rowOff>
    </xdr:from>
    <xdr:to>
      <xdr:col>8</xdr:col>
      <xdr:colOff>167640</xdr:colOff>
      <xdr:row>68</xdr:row>
      <xdr:rowOff>99060</xdr:rowOff>
    </xdr:to>
    <xdr:sp macro="" textlink="">
      <xdr:nvSpPr>
        <xdr:cNvPr id="61581" name="Oval 138"/>
        <xdr:cNvSpPr>
          <a:spLocks noChangeArrowheads="1"/>
        </xdr:cNvSpPr>
      </xdr:nvSpPr>
      <xdr:spPr bwMode="auto">
        <a:xfrm>
          <a:off x="1965960" y="8633460"/>
          <a:ext cx="33528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99060</xdr:colOff>
      <xdr:row>71</xdr:row>
      <xdr:rowOff>22860</xdr:rowOff>
    </xdr:from>
    <xdr:to>
      <xdr:col>8</xdr:col>
      <xdr:colOff>182880</xdr:colOff>
      <xdr:row>73</xdr:row>
      <xdr:rowOff>99060</xdr:rowOff>
    </xdr:to>
    <xdr:sp macro="" textlink="">
      <xdr:nvSpPr>
        <xdr:cNvPr id="61582" name="Oval 139"/>
        <xdr:cNvSpPr>
          <a:spLocks noChangeArrowheads="1"/>
        </xdr:cNvSpPr>
      </xdr:nvSpPr>
      <xdr:spPr bwMode="auto">
        <a:xfrm>
          <a:off x="196596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114300</xdr:colOff>
      <xdr:row>61</xdr:row>
      <xdr:rowOff>22860</xdr:rowOff>
    </xdr:from>
    <xdr:to>
      <xdr:col>5</xdr:col>
      <xdr:colOff>190500</xdr:colOff>
      <xdr:row>63</xdr:row>
      <xdr:rowOff>99060</xdr:rowOff>
    </xdr:to>
    <xdr:sp macro="" textlink="">
      <xdr:nvSpPr>
        <xdr:cNvPr id="61583" name="Oval 140"/>
        <xdr:cNvSpPr>
          <a:spLocks noChangeArrowheads="1"/>
        </xdr:cNvSpPr>
      </xdr:nvSpPr>
      <xdr:spPr bwMode="auto">
        <a:xfrm>
          <a:off x="1181100" y="7978140"/>
          <a:ext cx="34290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99060</xdr:colOff>
      <xdr:row>66</xdr:row>
      <xdr:rowOff>30480</xdr:rowOff>
    </xdr:from>
    <xdr:to>
      <xdr:col>5</xdr:col>
      <xdr:colOff>182880</xdr:colOff>
      <xdr:row>68</xdr:row>
      <xdr:rowOff>99060</xdr:rowOff>
    </xdr:to>
    <xdr:sp macro="" textlink="">
      <xdr:nvSpPr>
        <xdr:cNvPr id="61584" name="Oval 141"/>
        <xdr:cNvSpPr>
          <a:spLocks noChangeArrowheads="1"/>
        </xdr:cNvSpPr>
      </xdr:nvSpPr>
      <xdr:spPr bwMode="auto">
        <a:xfrm>
          <a:off x="1165860" y="8633460"/>
          <a:ext cx="350520" cy="32766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99060</xdr:colOff>
      <xdr:row>71</xdr:row>
      <xdr:rowOff>22860</xdr:rowOff>
    </xdr:from>
    <xdr:to>
      <xdr:col>5</xdr:col>
      <xdr:colOff>182880</xdr:colOff>
      <xdr:row>73</xdr:row>
      <xdr:rowOff>99060</xdr:rowOff>
    </xdr:to>
    <xdr:sp macro="" textlink="">
      <xdr:nvSpPr>
        <xdr:cNvPr id="61585" name="Oval 142"/>
        <xdr:cNvSpPr>
          <a:spLocks noChangeArrowheads="1"/>
        </xdr:cNvSpPr>
      </xdr:nvSpPr>
      <xdr:spPr bwMode="auto">
        <a:xfrm>
          <a:off x="1165860" y="9273540"/>
          <a:ext cx="350520" cy="335280"/>
        </a:xfrm>
        <a:prstGeom prst="ellipse">
          <a:avLst/>
        </a:pr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38100</xdr:colOff>
      <xdr:row>2</xdr:row>
      <xdr:rowOff>3175</xdr:rowOff>
    </xdr:from>
    <xdr:to>
      <xdr:col>10</xdr:col>
      <xdr:colOff>66675</xdr:colOff>
      <xdr:row>6</xdr:row>
      <xdr:rowOff>58946</xdr:rowOff>
    </xdr:to>
    <xdr:sp macro="" textlink="">
      <xdr:nvSpPr>
        <xdr:cNvPr id="8335" name="AutoShape 143"/>
        <xdr:cNvSpPr>
          <a:spLocks noChangeArrowheads="1"/>
        </xdr:cNvSpPr>
      </xdr:nvSpPr>
      <xdr:spPr bwMode="auto">
        <a:xfrm>
          <a:off x="304800" y="352425"/>
          <a:ext cx="2428875" cy="59055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800" b="0" i="0" u="none" strike="noStrike" baseline="0">
              <a:solidFill>
                <a:srgbClr val="000000"/>
              </a:solidFill>
              <a:latin typeface="HGS創英角ｺﾞｼｯｸUB"/>
              <a:ea typeface="HGS創英角ｺﾞｼｯｸUB"/>
            </a:rPr>
            <a:t>学校コードを記入。</a:t>
          </a:r>
        </a:p>
      </xdr:txBody>
    </xdr:sp>
    <xdr:clientData/>
  </xdr:twoCellAnchor>
  <xdr:twoCellAnchor>
    <xdr:from>
      <xdr:col>5</xdr:col>
      <xdr:colOff>190500</xdr:colOff>
      <xdr:row>6</xdr:row>
      <xdr:rowOff>60960</xdr:rowOff>
    </xdr:from>
    <xdr:to>
      <xdr:col>5</xdr:col>
      <xdr:colOff>190500</xdr:colOff>
      <xdr:row>10</xdr:row>
      <xdr:rowOff>0</xdr:rowOff>
    </xdr:to>
    <xdr:sp macro="" textlink="">
      <xdr:nvSpPr>
        <xdr:cNvPr id="61587" name="Line 145"/>
        <xdr:cNvSpPr>
          <a:spLocks noChangeShapeType="1"/>
        </xdr:cNvSpPr>
      </xdr:nvSpPr>
      <xdr:spPr bwMode="auto">
        <a:xfrm>
          <a:off x="1524000" y="922020"/>
          <a:ext cx="0" cy="45720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0</xdr:col>
      <xdr:colOff>213360</xdr:colOff>
      <xdr:row>42</xdr:row>
      <xdr:rowOff>60960</xdr:rowOff>
    </xdr:from>
    <xdr:to>
      <xdr:col>42</xdr:col>
      <xdr:colOff>251460</xdr:colOff>
      <xdr:row>47</xdr:row>
      <xdr:rowOff>7620</xdr:rowOff>
    </xdr:to>
    <xdr:sp macro="" textlink="">
      <xdr:nvSpPr>
        <xdr:cNvPr id="61588" name="Line 153"/>
        <xdr:cNvSpPr>
          <a:spLocks noChangeShapeType="1"/>
        </xdr:cNvSpPr>
      </xdr:nvSpPr>
      <xdr:spPr bwMode="auto">
        <a:xfrm>
          <a:off x="10881360" y="5654040"/>
          <a:ext cx="571500" cy="5943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33</xdr:col>
      <xdr:colOff>55700</xdr:colOff>
      <xdr:row>35</xdr:row>
      <xdr:rowOff>95250</xdr:rowOff>
    </xdr:from>
    <xdr:to>
      <xdr:col>45</xdr:col>
      <xdr:colOff>197753</xdr:colOff>
      <xdr:row>42</xdr:row>
      <xdr:rowOff>40822</xdr:rowOff>
    </xdr:to>
    <xdr:sp macro="" textlink="">
      <xdr:nvSpPr>
        <xdr:cNvPr id="8346" name="AutoShape 154"/>
        <xdr:cNvSpPr>
          <a:spLocks noChangeArrowheads="1"/>
        </xdr:cNvSpPr>
      </xdr:nvSpPr>
      <xdr:spPr bwMode="auto">
        <a:xfrm>
          <a:off x="9035144" y="4993821"/>
          <a:ext cx="3415392" cy="89807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就学猶予児がいる場合、</a:t>
          </a:r>
        </a:p>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下記に記入します。</a:t>
          </a:r>
        </a:p>
      </xdr:txBody>
    </xdr:sp>
    <xdr:clientData/>
  </xdr:twoCellAnchor>
  <xdr:twoCellAnchor>
    <xdr:from>
      <xdr:col>10</xdr:col>
      <xdr:colOff>251460</xdr:colOff>
      <xdr:row>44</xdr:row>
      <xdr:rowOff>99060</xdr:rowOff>
    </xdr:from>
    <xdr:to>
      <xdr:col>15</xdr:col>
      <xdr:colOff>99060</xdr:colOff>
      <xdr:row>60</xdr:row>
      <xdr:rowOff>60960</xdr:rowOff>
    </xdr:to>
    <xdr:sp macro="" textlink="">
      <xdr:nvSpPr>
        <xdr:cNvPr id="61590" name="Line 149"/>
        <xdr:cNvSpPr>
          <a:spLocks noChangeShapeType="1"/>
        </xdr:cNvSpPr>
      </xdr:nvSpPr>
      <xdr:spPr bwMode="auto">
        <a:xfrm flipH="1">
          <a:off x="2918460" y="5951220"/>
          <a:ext cx="1181100" cy="193548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30480</xdr:colOff>
      <xdr:row>44</xdr:row>
      <xdr:rowOff>38100</xdr:rowOff>
    </xdr:from>
    <xdr:to>
      <xdr:col>14</xdr:col>
      <xdr:colOff>137160</xdr:colOff>
      <xdr:row>60</xdr:row>
      <xdr:rowOff>60960</xdr:rowOff>
    </xdr:to>
    <xdr:sp macro="" textlink="">
      <xdr:nvSpPr>
        <xdr:cNvPr id="61591" name="Line 149"/>
        <xdr:cNvSpPr>
          <a:spLocks noChangeShapeType="1"/>
        </xdr:cNvSpPr>
      </xdr:nvSpPr>
      <xdr:spPr bwMode="auto">
        <a:xfrm flipH="1">
          <a:off x="1363980" y="5890260"/>
          <a:ext cx="2506980" cy="199644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5</xdr:col>
      <xdr:colOff>239939</xdr:colOff>
      <xdr:row>38</xdr:row>
      <xdr:rowOff>10885</xdr:rowOff>
    </xdr:from>
    <xdr:to>
      <xdr:col>29</xdr:col>
      <xdr:colOff>174172</xdr:colOff>
      <xdr:row>44</xdr:row>
      <xdr:rowOff>51170</xdr:rowOff>
    </xdr:to>
    <xdr:sp macro="" textlink="">
      <xdr:nvSpPr>
        <xdr:cNvPr id="73" name="AutoShape 148"/>
        <xdr:cNvSpPr>
          <a:spLocks noChangeArrowheads="1"/>
        </xdr:cNvSpPr>
      </xdr:nvSpPr>
      <xdr:spPr bwMode="auto">
        <a:xfrm>
          <a:off x="4322082" y="5127171"/>
          <a:ext cx="3744233" cy="824056"/>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200"/>
            </a:lnSpc>
            <a:defRPr sz="1000"/>
          </a:pPr>
          <a:r>
            <a:rPr lang="ja-JP" altLang="en-US" sz="1800" b="0" i="0" u="none" strike="noStrike" baseline="0">
              <a:solidFill>
                <a:srgbClr val="000000"/>
              </a:solidFill>
              <a:latin typeface="HGS創英角ｺﾞｼｯｸUB"/>
              <a:ea typeface="HGS創英角ｺﾞｼｯｸUB"/>
            </a:rPr>
            <a:t>満３歳児入園の実施が</a:t>
          </a:r>
          <a:endParaRPr lang="en-US" altLang="ja-JP" sz="1800" b="0" i="0" u="none" strike="noStrike" baseline="0">
            <a:solidFill>
              <a:srgbClr val="000000"/>
            </a:solidFill>
            <a:latin typeface="HGS創英角ｺﾞｼｯｸUB"/>
            <a:ea typeface="HGS創英角ｺﾞｼｯｸUB"/>
          </a:endParaRPr>
        </a:p>
        <a:p>
          <a:pPr algn="ctr" rtl="0">
            <a:defRPr sz="1000"/>
          </a:pPr>
          <a:r>
            <a:rPr lang="ja-JP" altLang="en-US" sz="1800" b="0" i="0" u="none" strike="noStrike" baseline="0">
              <a:solidFill>
                <a:srgbClr val="000000"/>
              </a:solidFill>
              <a:latin typeface="HGS創英角ｺﾞｼｯｸUB"/>
              <a:ea typeface="HGS創英角ｺﾞｼｯｸUB"/>
            </a:rPr>
            <a:t>ある場合に該当します。</a:t>
          </a:r>
          <a:endParaRPr lang="en-US" altLang="ja-JP" sz="1800" b="0" i="0" u="none" strike="noStrike" baseline="0">
            <a:solidFill>
              <a:srgbClr val="000000"/>
            </a:solidFill>
            <a:latin typeface="HGS創英角ｺﾞｼｯｸUB"/>
            <a:ea typeface="HGS創英角ｺﾞｼｯｸUB"/>
          </a:endParaRPr>
        </a:p>
        <a:p>
          <a:pPr algn="ctr" rtl="0">
            <a:lnSpc>
              <a:spcPts val="2000"/>
            </a:lnSpc>
            <a:defRPr sz="1000"/>
          </a:pPr>
          <a:r>
            <a:rPr lang="ja-JP" altLang="en-US" sz="1800" b="0" i="0" u="none" strike="noStrike" baseline="0">
              <a:solidFill>
                <a:srgbClr val="000000"/>
              </a:solidFill>
              <a:latin typeface="HGS創英角ｺﾞｼｯｸUB"/>
              <a:ea typeface="HGS創英角ｺﾞｼｯｸUB"/>
            </a:rPr>
            <a:t>。</a:t>
          </a:r>
        </a:p>
      </xdr:txBody>
    </xdr:sp>
    <xdr:clientData/>
  </xdr:twoCellAnchor>
  <xdr:twoCellAnchor editAs="oneCell">
    <xdr:from>
      <xdr:col>8</xdr:col>
      <xdr:colOff>0</xdr:colOff>
      <xdr:row>10</xdr:row>
      <xdr:rowOff>0</xdr:rowOff>
    </xdr:from>
    <xdr:to>
      <xdr:col>14</xdr:col>
      <xdr:colOff>182880</xdr:colOff>
      <xdr:row>17</xdr:row>
      <xdr:rowOff>68580</xdr:rowOff>
    </xdr:to>
    <xdr:pic>
      <xdr:nvPicPr>
        <xdr:cNvPr id="61593" name="Picture 1"/>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2133600" y="1379220"/>
          <a:ext cx="1783080" cy="975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5</xdr:col>
      <xdr:colOff>0</xdr:colOff>
      <xdr:row>4</xdr:row>
      <xdr:rowOff>0</xdr:rowOff>
    </xdr:from>
    <xdr:to>
      <xdr:col>22</xdr:col>
      <xdr:colOff>170840</xdr:colOff>
      <xdr:row>8</xdr:row>
      <xdr:rowOff>64777</xdr:rowOff>
    </xdr:to>
    <xdr:sp macro="" textlink="">
      <xdr:nvSpPr>
        <xdr:cNvPr id="75" name="AutoShape 143"/>
        <xdr:cNvSpPr>
          <a:spLocks noChangeArrowheads="1"/>
        </xdr:cNvSpPr>
      </xdr:nvSpPr>
      <xdr:spPr bwMode="auto">
        <a:xfrm>
          <a:off x="4000500" y="609600"/>
          <a:ext cx="2028825" cy="590550"/>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defRPr sz="1000"/>
          </a:pPr>
          <a:r>
            <a:rPr lang="ja-JP" altLang="en-US" sz="1400" b="0" i="0" u="none" strike="noStrike" baseline="0">
              <a:solidFill>
                <a:srgbClr val="000000"/>
              </a:solidFill>
              <a:latin typeface="HGS創英角ｺﾞｼｯｸUB"/>
              <a:ea typeface="HGS創英角ｺﾞｼｯｸUB"/>
            </a:rPr>
            <a:t>いずれかに〇を</a:t>
          </a:r>
          <a:endParaRPr lang="en-US" altLang="ja-JP" sz="1400" b="0" i="0" u="none" strike="noStrike" baseline="0">
            <a:solidFill>
              <a:srgbClr val="000000"/>
            </a:solidFill>
            <a:latin typeface="HGS創英角ｺﾞｼｯｸUB"/>
            <a:ea typeface="HGS創英角ｺﾞｼｯｸUB"/>
          </a:endParaRPr>
        </a:p>
        <a:p>
          <a:pPr algn="ctr" rtl="0">
            <a:lnSpc>
              <a:spcPts val="1600"/>
            </a:lnSpc>
            <a:defRPr sz="1000"/>
          </a:pPr>
          <a:r>
            <a:rPr lang="ja-JP" altLang="en-US" sz="1400" b="0" i="0" u="none" strike="noStrike" baseline="0">
              <a:solidFill>
                <a:srgbClr val="000000"/>
              </a:solidFill>
              <a:latin typeface="HGS創英角ｺﾞｼｯｸUB"/>
              <a:ea typeface="HGS創英角ｺﾞｼｯｸUB"/>
            </a:rPr>
            <a:t>つけて下さい。</a:t>
          </a:r>
        </a:p>
      </xdr:txBody>
    </xdr:sp>
    <xdr:clientData/>
  </xdr:twoCellAnchor>
  <xdr:twoCellAnchor>
    <xdr:from>
      <xdr:col>14</xdr:col>
      <xdr:colOff>213360</xdr:colOff>
      <xdr:row>8</xdr:row>
      <xdr:rowOff>91440</xdr:rowOff>
    </xdr:from>
    <xdr:to>
      <xdr:col>16</xdr:col>
      <xdr:colOff>213360</xdr:colOff>
      <xdr:row>12</xdr:row>
      <xdr:rowOff>38100</xdr:rowOff>
    </xdr:to>
    <xdr:sp macro="" textlink="">
      <xdr:nvSpPr>
        <xdr:cNvPr id="61595" name="Line 145"/>
        <xdr:cNvSpPr>
          <a:spLocks noChangeShapeType="1"/>
        </xdr:cNvSpPr>
      </xdr:nvSpPr>
      <xdr:spPr bwMode="auto">
        <a:xfrm flipH="1">
          <a:off x="3947160" y="1211580"/>
          <a:ext cx="533400" cy="46482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2</xdr:col>
      <xdr:colOff>255270</xdr:colOff>
      <xdr:row>11</xdr:row>
      <xdr:rowOff>41275</xdr:rowOff>
    </xdr:from>
    <xdr:to>
      <xdr:col>13</xdr:col>
      <xdr:colOff>187085</xdr:colOff>
      <xdr:row>13</xdr:row>
      <xdr:rowOff>65</xdr:rowOff>
    </xdr:to>
    <xdr:sp macro="" textlink="">
      <xdr:nvSpPr>
        <xdr:cNvPr id="77" name="円/楕円 76"/>
        <xdr:cNvSpPr/>
      </xdr:nvSpPr>
      <xdr:spPr>
        <a:xfrm>
          <a:off x="3448050" y="1590675"/>
          <a:ext cx="200025" cy="219075"/>
        </a:xfrm>
        <a:prstGeom prst="ellipse">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33</xdr:col>
      <xdr:colOff>98425</xdr:colOff>
      <xdr:row>2</xdr:row>
      <xdr:rowOff>94615</xdr:rowOff>
    </xdr:from>
    <xdr:to>
      <xdr:col>41</xdr:col>
      <xdr:colOff>242308</xdr:colOff>
      <xdr:row>7</xdr:row>
      <xdr:rowOff>86217</xdr:rowOff>
    </xdr:to>
    <xdr:sp macro="" textlink="">
      <xdr:nvSpPr>
        <xdr:cNvPr id="71" name="Rectangle 20"/>
        <xdr:cNvSpPr>
          <a:spLocks noChangeArrowheads="1"/>
        </xdr:cNvSpPr>
      </xdr:nvSpPr>
      <xdr:spPr bwMode="auto">
        <a:xfrm>
          <a:off x="8905875" y="428625"/>
          <a:ext cx="2271113" cy="687481"/>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twoCellAnchor>
    <xdr:from>
      <xdr:col>21</xdr:col>
      <xdr:colOff>142876</xdr:colOff>
      <xdr:row>15</xdr:row>
      <xdr:rowOff>0</xdr:rowOff>
    </xdr:from>
    <xdr:to>
      <xdr:col>34</xdr:col>
      <xdr:colOff>149678</xdr:colOff>
      <xdr:row>21</xdr:row>
      <xdr:rowOff>5064</xdr:rowOff>
    </xdr:to>
    <xdr:sp macro="" textlink="">
      <xdr:nvSpPr>
        <xdr:cNvPr id="72" name="AutoShape 154"/>
        <xdr:cNvSpPr>
          <a:spLocks noChangeArrowheads="1"/>
        </xdr:cNvSpPr>
      </xdr:nvSpPr>
      <xdr:spPr bwMode="auto">
        <a:xfrm>
          <a:off x="5743576" y="2076450"/>
          <a:ext cx="3473902" cy="879022"/>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45720" bIns="0" anchor="t" upright="1"/>
        <a:lstStyle/>
        <a:p>
          <a:pPr algn="ctr" rtl="0">
            <a:lnSpc>
              <a:spcPts val="2100"/>
            </a:lnSpc>
            <a:defRPr sz="1000"/>
          </a:pPr>
          <a:r>
            <a:rPr lang="ja-JP" altLang="en-US" sz="1800" b="0" i="0" u="none" strike="noStrike" baseline="0">
              <a:solidFill>
                <a:srgbClr val="000000"/>
              </a:solidFill>
              <a:latin typeface="HGS創英角ｺﾞｼｯｸUB"/>
              <a:ea typeface="HGS創英角ｺﾞｼｯｸUB"/>
            </a:rPr>
            <a:t>５月１日時点で在籍児がいる学級数のみ記載してください。</a:t>
          </a:r>
        </a:p>
      </xdr:txBody>
    </xdr:sp>
    <xdr:clientData/>
  </xdr:twoCellAnchor>
  <xdr:twoCellAnchor>
    <xdr:from>
      <xdr:col>16</xdr:col>
      <xdr:colOff>152400</xdr:colOff>
      <xdr:row>21</xdr:row>
      <xdr:rowOff>0</xdr:rowOff>
    </xdr:from>
    <xdr:to>
      <xdr:col>21</xdr:col>
      <xdr:colOff>205740</xdr:colOff>
      <xdr:row>32</xdr:row>
      <xdr:rowOff>45720</xdr:rowOff>
    </xdr:to>
    <xdr:sp macro="" textlink="">
      <xdr:nvSpPr>
        <xdr:cNvPr id="61599" name="Line 145"/>
        <xdr:cNvSpPr>
          <a:spLocks noChangeShapeType="1"/>
        </xdr:cNvSpPr>
      </xdr:nvSpPr>
      <xdr:spPr bwMode="auto">
        <a:xfrm flipH="1">
          <a:off x="4419600" y="2872740"/>
          <a:ext cx="1386840" cy="1470660"/>
        </a:xfrm>
        <a:prstGeom prst="line">
          <a:avLst/>
        </a:prstGeom>
        <a:noFill/>
        <a:ln w="38100">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75260</xdr:colOff>
      <xdr:row>28</xdr:row>
      <xdr:rowOff>76200</xdr:rowOff>
    </xdr:from>
    <xdr:to>
      <xdr:col>31</xdr:col>
      <xdr:colOff>45720</xdr:colOff>
      <xdr:row>30</xdr:row>
      <xdr:rowOff>83820</xdr:rowOff>
    </xdr:to>
    <xdr:sp macro="" textlink="">
      <xdr:nvSpPr>
        <xdr:cNvPr id="59541" name="AutoShape 4"/>
        <xdr:cNvSpPr>
          <a:spLocks noChangeArrowheads="1"/>
        </xdr:cNvSpPr>
      </xdr:nvSpPr>
      <xdr:spPr bwMode="auto">
        <a:xfrm>
          <a:off x="426720" y="6758940"/>
          <a:ext cx="6111240" cy="51054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xdr:col>
      <xdr:colOff>7620</xdr:colOff>
      <xdr:row>40</xdr:row>
      <xdr:rowOff>60960</xdr:rowOff>
    </xdr:from>
    <xdr:to>
      <xdr:col>31</xdr:col>
      <xdr:colOff>53340</xdr:colOff>
      <xdr:row>42</xdr:row>
      <xdr:rowOff>99060</xdr:rowOff>
    </xdr:to>
    <xdr:sp macro="" textlink="">
      <xdr:nvSpPr>
        <xdr:cNvPr id="59542" name="AutoShape 5"/>
        <xdr:cNvSpPr>
          <a:spLocks noChangeArrowheads="1"/>
        </xdr:cNvSpPr>
      </xdr:nvSpPr>
      <xdr:spPr bwMode="auto">
        <a:xfrm>
          <a:off x="457200" y="9761220"/>
          <a:ext cx="6088380" cy="54102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2</xdr:col>
      <xdr:colOff>137160</xdr:colOff>
      <xdr:row>10</xdr:row>
      <xdr:rowOff>152400</xdr:rowOff>
    </xdr:from>
    <xdr:to>
      <xdr:col>33</xdr:col>
      <xdr:colOff>114300</xdr:colOff>
      <xdr:row>15</xdr:row>
      <xdr:rowOff>0</xdr:rowOff>
    </xdr:to>
    <xdr:sp macro="" textlink="">
      <xdr:nvSpPr>
        <xdr:cNvPr id="59543" name="AutoShape 6"/>
        <xdr:cNvSpPr>
          <a:spLocks/>
        </xdr:cNvSpPr>
      </xdr:nvSpPr>
      <xdr:spPr bwMode="auto">
        <a:xfrm>
          <a:off x="6827520" y="2308860"/>
          <a:ext cx="175260" cy="1104900"/>
        </a:xfrm>
        <a:prstGeom prst="rightBrace">
          <a:avLst>
            <a:gd name="adj1" fmla="val 55134"/>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86465</xdr:colOff>
      <xdr:row>22</xdr:row>
      <xdr:rowOff>76947</xdr:rowOff>
    </xdr:from>
    <xdr:to>
      <xdr:col>36</xdr:col>
      <xdr:colOff>181447</xdr:colOff>
      <xdr:row>24</xdr:row>
      <xdr:rowOff>3107</xdr:rowOff>
    </xdr:to>
    <xdr:sp macro="" textlink="">
      <xdr:nvSpPr>
        <xdr:cNvPr id="5" name="Text Box 7"/>
        <xdr:cNvSpPr txBox="1">
          <a:spLocks noChangeArrowheads="1"/>
        </xdr:cNvSpPr>
      </xdr:nvSpPr>
      <xdr:spPr bwMode="auto">
        <a:xfrm>
          <a:off x="7074945" y="5250927"/>
          <a:ext cx="589342" cy="429080"/>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複数</a:t>
          </a:r>
        </a:p>
        <a:p>
          <a:pPr algn="l" rtl="0">
            <a:lnSpc>
              <a:spcPts val="1200"/>
            </a:lnSpc>
            <a:defRPr sz="1000"/>
          </a:pPr>
          <a:r>
            <a:rPr lang="ja-JP" altLang="en-US" sz="1100" b="0" i="0" u="none" strike="noStrike" baseline="0">
              <a:solidFill>
                <a:srgbClr val="000000"/>
              </a:solidFill>
              <a:latin typeface="ＭＳ Ｐゴシック"/>
              <a:ea typeface="ＭＳ Ｐゴシック"/>
            </a:rPr>
            <a:t>回答可</a:t>
          </a:r>
        </a:p>
      </xdr:txBody>
    </xdr:sp>
    <xdr:clientData/>
  </xdr:twoCellAnchor>
  <xdr:twoCellAnchor>
    <xdr:from>
      <xdr:col>32</xdr:col>
      <xdr:colOff>83820</xdr:colOff>
      <xdr:row>19</xdr:row>
      <xdr:rowOff>60960</xdr:rowOff>
    </xdr:from>
    <xdr:to>
      <xdr:col>33</xdr:col>
      <xdr:colOff>137160</xdr:colOff>
      <xdr:row>26</xdr:row>
      <xdr:rowOff>137160</xdr:rowOff>
    </xdr:to>
    <xdr:sp macro="" textlink="">
      <xdr:nvSpPr>
        <xdr:cNvPr id="59545" name="AutoShape 8"/>
        <xdr:cNvSpPr>
          <a:spLocks/>
        </xdr:cNvSpPr>
      </xdr:nvSpPr>
      <xdr:spPr bwMode="auto">
        <a:xfrm>
          <a:off x="6774180" y="4480560"/>
          <a:ext cx="251460" cy="1836420"/>
        </a:xfrm>
        <a:prstGeom prst="rightBrace">
          <a:avLst>
            <a:gd name="adj1" fmla="val 91761"/>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46050</xdr:colOff>
      <xdr:row>12</xdr:row>
      <xdr:rowOff>152400</xdr:rowOff>
    </xdr:from>
    <xdr:to>
      <xdr:col>36</xdr:col>
      <xdr:colOff>95272</xdr:colOff>
      <xdr:row>14</xdr:row>
      <xdr:rowOff>46633</xdr:rowOff>
    </xdr:to>
    <xdr:sp macro="" textlink="">
      <xdr:nvSpPr>
        <xdr:cNvPr id="7" name="Text Box 9"/>
        <xdr:cNvSpPr txBox="1">
          <a:spLocks noChangeArrowheads="1"/>
        </xdr:cNvSpPr>
      </xdr:nvSpPr>
      <xdr:spPr bwMode="auto">
        <a:xfrm>
          <a:off x="7034530" y="2811780"/>
          <a:ext cx="543582" cy="397153"/>
        </a:xfrm>
        <a:prstGeom prst="rect">
          <a:avLst/>
        </a:prstGeom>
        <a:noFill/>
        <a:ln w="9525">
          <a:noFill/>
          <a:miter lim="800000"/>
          <a:headEnd/>
          <a:tailEnd/>
        </a:ln>
      </xdr:spPr>
      <xdr:txBody>
        <a:bodyPr vertOverflow="clip" wrap="square" lIns="27432" tIns="18288" rIns="0" bIns="0" anchor="t" upright="1"/>
        <a:lstStyle/>
        <a:p>
          <a:pPr algn="l" rtl="0">
            <a:lnSpc>
              <a:spcPts val="1200"/>
            </a:lnSpc>
            <a:defRPr sz="1000"/>
          </a:pPr>
          <a:r>
            <a:rPr lang="ja-JP" altLang="en-US" sz="1100" b="0" i="0" u="none" strike="noStrike" baseline="0">
              <a:solidFill>
                <a:srgbClr val="000000"/>
              </a:solidFill>
              <a:latin typeface="ＭＳ Ｐゴシック"/>
              <a:ea typeface="ＭＳ Ｐゴシック"/>
            </a:rPr>
            <a:t>複数</a:t>
          </a:r>
        </a:p>
        <a:p>
          <a:pPr algn="l" rtl="0">
            <a:lnSpc>
              <a:spcPts val="1300"/>
            </a:lnSpc>
            <a:defRPr sz="1000"/>
          </a:pPr>
          <a:r>
            <a:rPr lang="ja-JP" altLang="en-US" sz="1100" b="0" i="0" u="none" strike="noStrike" baseline="0">
              <a:solidFill>
                <a:srgbClr val="000000"/>
              </a:solidFill>
              <a:latin typeface="ＭＳ Ｐゴシック"/>
              <a:ea typeface="ＭＳ Ｐゴシック"/>
            </a:rPr>
            <a:t>回答可</a:t>
          </a:r>
        </a:p>
      </xdr:txBody>
    </xdr:sp>
    <xdr:clientData/>
  </xdr:twoCellAnchor>
  <xdr:twoCellAnchor>
    <xdr:from>
      <xdr:col>32</xdr:col>
      <xdr:colOff>137160</xdr:colOff>
      <xdr:row>35</xdr:row>
      <xdr:rowOff>7620</xdr:rowOff>
    </xdr:from>
    <xdr:to>
      <xdr:col>33</xdr:col>
      <xdr:colOff>152400</xdr:colOff>
      <xdr:row>38</xdr:row>
      <xdr:rowOff>251460</xdr:rowOff>
    </xdr:to>
    <xdr:sp macro="" textlink="">
      <xdr:nvSpPr>
        <xdr:cNvPr id="59547" name="AutoShape 8"/>
        <xdr:cNvSpPr>
          <a:spLocks/>
        </xdr:cNvSpPr>
      </xdr:nvSpPr>
      <xdr:spPr bwMode="auto">
        <a:xfrm>
          <a:off x="6827520" y="8450580"/>
          <a:ext cx="213360" cy="998220"/>
        </a:xfrm>
        <a:prstGeom prst="rightBrace">
          <a:avLst>
            <a:gd name="adj1" fmla="val 908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119743</xdr:colOff>
      <xdr:row>3</xdr:row>
      <xdr:rowOff>97972</xdr:rowOff>
    </xdr:from>
    <xdr:to>
      <xdr:col>56</xdr:col>
      <xdr:colOff>171449</xdr:colOff>
      <xdr:row>6</xdr:row>
      <xdr:rowOff>2292</xdr:rowOff>
    </xdr:to>
    <xdr:sp macro="" textlink="">
      <xdr:nvSpPr>
        <xdr:cNvPr id="10" name="AutoShape 10"/>
        <xdr:cNvSpPr>
          <a:spLocks noChangeArrowheads="1"/>
        </xdr:cNvSpPr>
      </xdr:nvSpPr>
      <xdr:spPr bwMode="auto">
        <a:xfrm>
          <a:off x="4005943" y="631372"/>
          <a:ext cx="7497535" cy="503034"/>
        </a:xfrm>
        <a:prstGeom prst="roundRect">
          <a:avLst>
            <a:gd name="adj" fmla="val 16667"/>
          </a:avLst>
        </a:prstGeom>
        <a:solidFill>
          <a:srgbClr val="FFFF99"/>
        </a:solidFill>
        <a:ln w="38100">
          <a:solidFill>
            <a:srgbClr val="000000"/>
          </a:solidFill>
          <a:round/>
          <a:headEnd/>
          <a:tailEnd/>
        </a:ln>
      </xdr:spPr>
      <xdr:txBody>
        <a:bodyPr vertOverflow="clip" wrap="square" lIns="45720" tIns="22860" rIns="0" bIns="0" anchor="t" upright="1"/>
        <a:lstStyle/>
        <a:p>
          <a:pPr algn="ctr" rtl="0">
            <a:defRPr sz="1000"/>
          </a:pPr>
          <a:r>
            <a:rPr lang="en-US" altLang="ja-JP" sz="1800" b="0" i="0" u="none" strike="noStrike" baseline="0">
              <a:solidFill>
                <a:srgbClr val="000000"/>
              </a:solidFill>
              <a:latin typeface="HGS創英角ｺﾞｼｯｸUB"/>
              <a:ea typeface="HGS創英角ｺﾞｼｯｸUB"/>
            </a:rPr>
            <a:t>1</a:t>
          </a:r>
          <a:r>
            <a:rPr lang="ja-JP" altLang="en-US" sz="1800" b="0" i="0" u="none" strike="noStrike" baseline="0">
              <a:solidFill>
                <a:srgbClr val="000000"/>
              </a:solidFill>
              <a:latin typeface="HGS創英角ｺﾞｼｯｸUB"/>
              <a:ea typeface="HGS創英角ｺﾞｼｯｸUB"/>
            </a:rPr>
            <a:t>～</a:t>
          </a:r>
          <a:r>
            <a:rPr lang="en-US" altLang="ja-JP" sz="1800" b="0" i="0" u="none" strike="noStrike" baseline="0">
              <a:solidFill>
                <a:srgbClr val="000000"/>
              </a:solidFill>
              <a:latin typeface="HGS創英角ｺﾞｼｯｸUB"/>
              <a:ea typeface="HGS創英角ｺﾞｼｯｸUB"/>
            </a:rPr>
            <a:t>7</a:t>
          </a:r>
          <a:r>
            <a:rPr lang="ja-JP" altLang="en-US" sz="1800" b="0" i="0" u="none" strike="noStrike" baseline="0">
              <a:solidFill>
                <a:srgbClr val="000000"/>
              </a:solidFill>
              <a:latin typeface="HGS創英角ｺﾞｼｯｸUB"/>
              <a:ea typeface="HGS創英角ｺﾞｼｯｸUB"/>
            </a:rPr>
            <a:t>の質問項目について、該当する回答欄に○を記入してください。</a:t>
          </a:r>
        </a:p>
      </xdr:txBody>
    </xdr:sp>
    <xdr:clientData/>
  </xdr:twoCellAnchor>
  <xdr:twoCellAnchor>
    <xdr:from>
      <xdr:col>30</xdr:col>
      <xdr:colOff>133586</xdr:colOff>
      <xdr:row>8</xdr:row>
      <xdr:rowOff>35832</xdr:rowOff>
    </xdr:from>
    <xdr:to>
      <xdr:col>41</xdr:col>
      <xdr:colOff>187862</xdr:colOff>
      <xdr:row>10</xdr:row>
      <xdr:rowOff>242660</xdr:rowOff>
    </xdr:to>
    <xdr:sp macro="" textlink="">
      <xdr:nvSpPr>
        <xdr:cNvPr id="11" name="Rectangle 20"/>
        <xdr:cNvSpPr>
          <a:spLocks noChangeArrowheads="1"/>
        </xdr:cNvSpPr>
      </xdr:nvSpPr>
      <xdr:spPr bwMode="auto">
        <a:xfrm>
          <a:off x="6371100" y="1668689"/>
          <a:ext cx="2209648" cy="707571"/>
        </a:xfrm>
        <a:prstGeom prst="rect">
          <a:avLst/>
        </a:prstGeom>
        <a:solidFill>
          <a:srgbClr val="FFFF99"/>
        </a:solidFill>
        <a:ln w="28575">
          <a:solidFill>
            <a:srgbClr val="000000"/>
          </a:solidFill>
          <a:miter lim="800000"/>
          <a:headEnd/>
          <a:tailEnd/>
        </a:ln>
      </xdr:spPr>
      <xdr:txBody>
        <a:bodyPr vertOverflow="clip" wrap="square" lIns="64008" tIns="41148" rIns="64008" bIns="0" anchor="t" upright="1"/>
        <a:lstStyle/>
        <a:p>
          <a:pPr algn="ctr" rtl="0">
            <a:defRPr sz="1000"/>
          </a:pPr>
          <a:r>
            <a:rPr lang="ja-JP" altLang="en-US" sz="3600" b="0" i="0" u="none" strike="noStrike" baseline="0">
              <a:solidFill>
                <a:srgbClr val="000000"/>
              </a:solidFill>
              <a:latin typeface="HG創英角ｺﾞｼｯｸUB" pitchFamily="49" charset="-128"/>
              <a:ea typeface="HG創英角ｺﾞｼｯｸUB" pitchFamily="49" charset="-128"/>
            </a:rPr>
            <a:t>記載例</a:t>
          </a:r>
        </a:p>
      </xdr:txBody>
    </xdr:sp>
    <xdr:clientData/>
  </xdr:twoCellAnchor>
  <xdr:twoCellAnchor>
    <xdr:from>
      <xdr:col>1</xdr:col>
      <xdr:colOff>175260</xdr:colOff>
      <xdr:row>28</xdr:row>
      <xdr:rowOff>76200</xdr:rowOff>
    </xdr:from>
    <xdr:to>
      <xdr:col>31</xdr:col>
      <xdr:colOff>45720</xdr:colOff>
      <xdr:row>30</xdr:row>
      <xdr:rowOff>83820</xdr:rowOff>
    </xdr:to>
    <xdr:sp macro="" textlink="">
      <xdr:nvSpPr>
        <xdr:cNvPr id="12" name="AutoShape 4"/>
        <xdr:cNvSpPr>
          <a:spLocks noChangeArrowheads="1"/>
        </xdr:cNvSpPr>
      </xdr:nvSpPr>
      <xdr:spPr bwMode="auto">
        <a:xfrm>
          <a:off x="426720" y="6758940"/>
          <a:ext cx="6111240" cy="51054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175260</xdr:colOff>
      <xdr:row>28</xdr:row>
      <xdr:rowOff>76200</xdr:rowOff>
    </xdr:from>
    <xdr:to>
      <xdr:col>31</xdr:col>
      <xdr:colOff>45720</xdr:colOff>
      <xdr:row>30</xdr:row>
      <xdr:rowOff>83820</xdr:rowOff>
    </xdr:to>
    <xdr:sp macro="" textlink="">
      <xdr:nvSpPr>
        <xdr:cNvPr id="13" name="AutoShape 4"/>
        <xdr:cNvSpPr>
          <a:spLocks noChangeArrowheads="1"/>
        </xdr:cNvSpPr>
      </xdr:nvSpPr>
      <xdr:spPr bwMode="auto">
        <a:xfrm>
          <a:off x="426720" y="6758940"/>
          <a:ext cx="6111240" cy="51054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10</xdr:col>
      <xdr:colOff>542652</xdr:colOff>
      <xdr:row>16</xdr:row>
      <xdr:rowOff>151</xdr:rowOff>
    </xdr:from>
    <xdr:to>
      <xdr:col>17</xdr:col>
      <xdr:colOff>37</xdr:colOff>
      <xdr:row>18</xdr:row>
      <xdr:rowOff>190500</xdr:rowOff>
    </xdr:to>
    <xdr:sp macro="" textlink="">
      <xdr:nvSpPr>
        <xdr:cNvPr id="5" name="四角形吹き出し 4"/>
        <xdr:cNvSpPr/>
      </xdr:nvSpPr>
      <xdr:spPr>
        <a:xfrm>
          <a:off x="7314292" y="5365901"/>
          <a:ext cx="4412041" cy="867682"/>
        </a:xfrm>
        <a:prstGeom prst="wedgeRectCallout">
          <a:avLst>
            <a:gd name="adj1" fmla="val 6368"/>
            <a:gd name="adj2" fmla="val 70628"/>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昨年度に耐震診断を実施、</a:t>
          </a:r>
          <a:r>
            <a:rPr kumimoji="1" lang="en-US" altLang="ja-JP" sz="1600">
              <a:solidFill>
                <a:schemeClr val="tx1"/>
              </a:solidFill>
            </a:rPr>
            <a:t>Is</a:t>
          </a:r>
          <a:r>
            <a:rPr kumimoji="1" lang="ja-JP" altLang="en-US" sz="1600">
              <a:solidFill>
                <a:schemeClr val="tx1"/>
              </a:solidFill>
            </a:rPr>
            <a:t>値が</a:t>
          </a:r>
          <a:r>
            <a:rPr kumimoji="1" lang="en-US" altLang="ja-JP" sz="1600">
              <a:solidFill>
                <a:schemeClr val="tx1"/>
              </a:solidFill>
            </a:rPr>
            <a:t>0.2</a:t>
          </a:r>
          <a:r>
            <a:rPr kumimoji="1" lang="ja-JP" altLang="en-US" sz="1600">
              <a:solidFill>
                <a:schemeClr val="tx1"/>
              </a:solidFill>
            </a:rPr>
            <a:t>と判明。</a:t>
          </a:r>
          <a:endParaRPr kumimoji="1" lang="en-US" altLang="ja-JP" sz="1600">
            <a:solidFill>
              <a:schemeClr val="tx1"/>
            </a:solidFill>
          </a:endParaRPr>
        </a:p>
        <a:p>
          <a:pPr algn="ctr">
            <a:lnSpc>
              <a:spcPts val="2000"/>
            </a:lnSpc>
          </a:pPr>
          <a:r>
            <a:rPr kumimoji="1" lang="ja-JP" altLang="en-US" sz="1600">
              <a:solidFill>
                <a:schemeClr val="tx1"/>
              </a:solidFill>
            </a:rPr>
            <a:t>来年度に耐震補強工事を計画。</a:t>
          </a:r>
        </a:p>
      </xdr:txBody>
    </xdr:sp>
    <xdr:clientData/>
  </xdr:twoCellAnchor>
  <xdr:twoCellAnchor>
    <xdr:from>
      <xdr:col>3</xdr:col>
      <xdr:colOff>15240</xdr:colOff>
      <xdr:row>20</xdr:row>
      <xdr:rowOff>22860</xdr:rowOff>
    </xdr:from>
    <xdr:to>
      <xdr:col>3</xdr:col>
      <xdr:colOff>624840</xdr:colOff>
      <xdr:row>21</xdr:row>
      <xdr:rowOff>7620</xdr:rowOff>
    </xdr:to>
    <xdr:sp macro="" textlink="">
      <xdr:nvSpPr>
        <xdr:cNvPr id="56548" name="Oval 22"/>
        <xdr:cNvSpPr>
          <a:spLocks noChangeArrowheads="1"/>
        </xdr:cNvSpPr>
      </xdr:nvSpPr>
      <xdr:spPr bwMode="auto">
        <a:xfrm>
          <a:off x="1813560" y="6918960"/>
          <a:ext cx="609600" cy="32766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497418</xdr:colOff>
      <xdr:row>16</xdr:row>
      <xdr:rowOff>311452</xdr:rowOff>
    </xdr:from>
    <xdr:to>
      <xdr:col>7</xdr:col>
      <xdr:colOff>163239</xdr:colOff>
      <xdr:row>18</xdr:row>
      <xdr:rowOff>100175</xdr:rowOff>
    </xdr:to>
    <xdr:sp macro="" textlink="">
      <xdr:nvSpPr>
        <xdr:cNvPr id="7" name="四角形吹き出し 6"/>
        <xdr:cNvSpPr/>
      </xdr:nvSpPr>
      <xdr:spPr>
        <a:xfrm>
          <a:off x="878418" y="5677202"/>
          <a:ext cx="3927928" cy="474738"/>
        </a:xfrm>
        <a:prstGeom prst="wedgeRectCallout">
          <a:avLst>
            <a:gd name="adj1" fmla="val -15414"/>
            <a:gd name="adj2" fmla="val 117653"/>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記入していなかった「建築年」を追記</a:t>
          </a:r>
        </a:p>
      </xdr:txBody>
    </xdr:sp>
    <xdr:clientData/>
  </xdr:twoCellAnchor>
  <xdr:twoCellAnchor>
    <xdr:from>
      <xdr:col>0</xdr:col>
      <xdr:colOff>317500</xdr:colOff>
      <xdr:row>22</xdr:row>
      <xdr:rowOff>254002</xdr:rowOff>
    </xdr:from>
    <xdr:to>
      <xdr:col>16</xdr:col>
      <xdr:colOff>10582</xdr:colOff>
      <xdr:row>24</xdr:row>
      <xdr:rowOff>42333</xdr:rowOff>
    </xdr:to>
    <xdr:sp macro="" textlink="">
      <xdr:nvSpPr>
        <xdr:cNvPr id="8" name="四角形吹き出し 7"/>
        <xdr:cNvSpPr/>
      </xdr:nvSpPr>
      <xdr:spPr>
        <a:xfrm>
          <a:off x="317500" y="7799919"/>
          <a:ext cx="10710332" cy="465664"/>
        </a:xfrm>
        <a:prstGeom prst="wedgeRectCallout">
          <a:avLst>
            <a:gd name="adj1" fmla="val -37223"/>
            <a:gd name="adj2" fmla="val -133287"/>
          </a:avLst>
        </a:prstGeom>
        <a:solidFill>
          <a:srgbClr val="FFFF66"/>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600">
              <a:solidFill>
                <a:schemeClr val="tx1"/>
              </a:solidFill>
            </a:rPr>
            <a:t>前回現況調査時以降、増築等した建物（部分）について追記。これまで記入していなかった建物がある場合も、追記する。</a:t>
          </a:r>
        </a:p>
      </xdr:txBody>
    </xdr:sp>
    <xdr:clientData/>
  </xdr:twoCellAnchor>
  <xdr:twoCellAnchor>
    <xdr:from>
      <xdr:col>14</xdr:col>
      <xdr:colOff>3933</xdr:colOff>
      <xdr:row>69</xdr:row>
      <xdr:rowOff>126336</xdr:rowOff>
    </xdr:from>
    <xdr:to>
      <xdr:col>14</xdr:col>
      <xdr:colOff>264585</xdr:colOff>
      <xdr:row>71</xdr:row>
      <xdr:rowOff>228717</xdr:rowOff>
    </xdr:to>
    <xdr:sp macro="" textlink="">
      <xdr:nvSpPr>
        <xdr:cNvPr id="10" name="左カーブ矢印 9"/>
        <xdr:cNvSpPr/>
      </xdr:nvSpPr>
      <xdr:spPr>
        <a:xfrm>
          <a:off x="9603016" y="20206306"/>
          <a:ext cx="260652" cy="515861"/>
        </a:xfrm>
        <a:prstGeom prst="curvedLef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endParaRPr lang="ja-JP" altLang="en-US"/>
        </a:p>
      </xdr:txBody>
    </xdr:sp>
    <xdr:clientData/>
  </xdr:twoCellAnchor>
  <xdr:twoCellAnchor>
    <xdr:from>
      <xdr:col>7</xdr:col>
      <xdr:colOff>10583</xdr:colOff>
      <xdr:row>88</xdr:row>
      <xdr:rowOff>1</xdr:rowOff>
    </xdr:from>
    <xdr:to>
      <xdr:col>7</xdr:col>
      <xdr:colOff>352241</xdr:colOff>
      <xdr:row>90</xdr:row>
      <xdr:rowOff>275167</xdr:rowOff>
    </xdr:to>
    <xdr:sp macro="" textlink="">
      <xdr:nvSpPr>
        <xdr:cNvPr id="2" name="左カーブ矢印 1"/>
        <xdr:cNvSpPr/>
      </xdr:nvSpPr>
      <xdr:spPr>
        <a:xfrm>
          <a:off x="4646083" y="23124584"/>
          <a:ext cx="349250" cy="709083"/>
        </a:xfrm>
        <a:prstGeom prst="curvedLef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endParaRPr lang="ja-JP" altLang="en-US"/>
        </a:p>
      </xdr:txBody>
    </xdr:sp>
    <xdr:clientData/>
  </xdr:twoCellAnchor>
  <xdr:twoCellAnchor>
    <xdr:from>
      <xdr:col>8</xdr:col>
      <xdr:colOff>487680</xdr:colOff>
      <xdr:row>19</xdr:row>
      <xdr:rowOff>434340</xdr:rowOff>
    </xdr:from>
    <xdr:to>
      <xdr:col>17</xdr:col>
      <xdr:colOff>586740</xdr:colOff>
      <xdr:row>21</xdr:row>
      <xdr:rowOff>76200</xdr:rowOff>
    </xdr:to>
    <xdr:sp macro="" textlink="">
      <xdr:nvSpPr>
        <xdr:cNvPr id="56553" name="Oval 22"/>
        <xdr:cNvSpPr>
          <a:spLocks noChangeArrowheads="1"/>
        </xdr:cNvSpPr>
      </xdr:nvSpPr>
      <xdr:spPr bwMode="auto">
        <a:xfrm>
          <a:off x="5829300" y="6850380"/>
          <a:ext cx="6477000" cy="46482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8167</xdr:colOff>
      <xdr:row>20</xdr:row>
      <xdr:rowOff>186266</xdr:rowOff>
    </xdr:from>
    <xdr:to>
      <xdr:col>9</xdr:col>
      <xdr:colOff>476248</xdr:colOff>
      <xdr:row>20</xdr:row>
      <xdr:rowOff>191558</xdr:rowOff>
    </xdr:to>
    <xdr:cxnSp macro="">
      <xdr:nvCxnSpPr>
        <xdr:cNvPr id="13" name="直線コネクタ 12"/>
        <xdr:cNvCxnSpPr/>
      </xdr:nvCxnSpPr>
      <xdr:spPr>
        <a:xfrm>
          <a:off x="6201834" y="5757333"/>
          <a:ext cx="328081" cy="10584"/>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465668</xdr:colOff>
      <xdr:row>19</xdr:row>
      <xdr:rowOff>476257</xdr:rowOff>
    </xdr:from>
    <xdr:to>
      <xdr:col>10</xdr:col>
      <xdr:colOff>13548</xdr:colOff>
      <xdr:row>20</xdr:row>
      <xdr:rowOff>275173</xdr:rowOff>
    </xdr:to>
    <xdr:sp macro="" textlink="">
      <xdr:nvSpPr>
        <xdr:cNvPr id="25" name="正方形/長方形 24"/>
        <xdr:cNvSpPr/>
      </xdr:nvSpPr>
      <xdr:spPr>
        <a:xfrm>
          <a:off x="6519335" y="5566840"/>
          <a:ext cx="264583" cy="28575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2000" b="1">
              <a:solidFill>
                <a:srgbClr val="FF0000"/>
              </a:solidFill>
            </a:rPr>
            <a:t>1</a:t>
          </a:r>
          <a:endParaRPr kumimoji="1" lang="ja-JP" altLang="en-US" sz="2000" b="1">
            <a:solidFill>
              <a:srgbClr val="FF0000"/>
            </a:solidFill>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152400</xdr:colOff>
      <xdr:row>62</xdr:row>
      <xdr:rowOff>83820</xdr:rowOff>
    </xdr:from>
    <xdr:to>
      <xdr:col>81</xdr:col>
      <xdr:colOff>0</xdr:colOff>
      <xdr:row>62</xdr:row>
      <xdr:rowOff>106680</xdr:rowOff>
    </xdr:to>
    <xdr:sp macro="" textlink="">
      <xdr:nvSpPr>
        <xdr:cNvPr id="57792" name="Line 4"/>
        <xdr:cNvSpPr>
          <a:spLocks noChangeShapeType="1"/>
        </xdr:cNvSpPr>
      </xdr:nvSpPr>
      <xdr:spPr bwMode="auto">
        <a:xfrm flipV="1">
          <a:off x="152400" y="8519160"/>
          <a:ext cx="12321540" cy="2286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152400</xdr:colOff>
      <xdr:row>52</xdr:row>
      <xdr:rowOff>106680</xdr:rowOff>
    </xdr:from>
    <xdr:to>
      <xdr:col>81</xdr:col>
      <xdr:colOff>0</xdr:colOff>
      <xdr:row>52</xdr:row>
      <xdr:rowOff>106680</xdr:rowOff>
    </xdr:to>
    <xdr:sp macro="" textlink="">
      <xdr:nvSpPr>
        <xdr:cNvPr id="57793" name="Line 5"/>
        <xdr:cNvSpPr>
          <a:spLocks noChangeShapeType="1"/>
        </xdr:cNvSpPr>
      </xdr:nvSpPr>
      <xdr:spPr bwMode="auto">
        <a:xfrm>
          <a:off x="152400" y="7338060"/>
          <a:ext cx="1232154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6</xdr:col>
      <xdr:colOff>106680</xdr:colOff>
      <xdr:row>46</xdr:row>
      <xdr:rowOff>0</xdr:rowOff>
    </xdr:from>
    <xdr:to>
      <xdr:col>71</xdr:col>
      <xdr:colOff>91440</xdr:colOff>
      <xdr:row>52</xdr:row>
      <xdr:rowOff>83820</xdr:rowOff>
    </xdr:to>
    <xdr:sp macro="" textlink="">
      <xdr:nvSpPr>
        <xdr:cNvPr id="57794" name="Line 6"/>
        <xdr:cNvSpPr>
          <a:spLocks noChangeShapeType="1"/>
        </xdr:cNvSpPr>
      </xdr:nvSpPr>
      <xdr:spPr bwMode="auto">
        <a:xfrm flipH="1">
          <a:off x="10294620" y="6560820"/>
          <a:ext cx="746760" cy="75438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7</xdr:col>
      <xdr:colOff>15240</xdr:colOff>
      <xdr:row>46</xdr:row>
      <xdr:rowOff>0</xdr:rowOff>
    </xdr:from>
    <xdr:to>
      <xdr:col>71</xdr:col>
      <xdr:colOff>91440</xdr:colOff>
      <xdr:row>62</xdr:row>
      <xdr:rowOff>83820</xdr:rowOff>
    </xdr:to>
    <xdr:sp macro="" textlink="">
      <xdr:nvSpPr>
        <xdr:cNvPr id="57795" name="Line 7"/>
        <xdr:cNvSpPr>
          <a:spLocks noChangeShapeType="1"/>
        </xdr:cNvSpPr>
      </xdr:nvSpPr>
      <xdr:spPr bwMode="auto">
        <a:xfrm flipH="1">
          <a:off x="10355580" y="6560820"/>
          <a:ext cx="685800" cy="195834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0</xdr:col>
      <xdr:colOff>68580</xdr:colOff>
      <xdr:row>30</xdr:row>
      <xdr:rowOff>106680</xdr:rowOff>
    </xdr:from>
    <xdr:to>
      <xdr:col>51</xdr:col>
      <xdr:colOff>114300</xdr:colOff>
      <xdr:row>30</xdr:row>
      <xdr:rowOff>106680</xdr:rowOff>
    </xdr:to>
    <xdr:sp macro="" textlink="">
      <xdr:nvSpPr>
        <xdr:cNvPr id="57796" name="Line 8"/>
        <xdr:cNvSpPr>
          <a:spLocks noChangeShapeType="1"/>
        </xdr:cNvSpPr>
      </xdr:nvSpPr>
      <xdr:spPr bwMode="auto">
        <a:xfrm>
          <a:off x="7818120" y="4587240"/>
          <a:ext cx="19812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8580</xdr:colOff>
      <xdr:row>30</xdr:row>
      <xdr:rowOff>106680</xdr:rowOff>
    </xdr:from>
    <xdr:to>
      <xdr:col>53</xdr:col>
      <xdr:colOff>114300</xdr:colOff>
      <xdr:row>30</xdr:row>
      <xdr:rowOff>106680</xdr:rowOff>
    </xdr:to>
    <xdr:sp macro="" textlink="">
      <xdr:nvSpPr>
        <xdr:cNvPr id="57797" name="Line 10"/>
        <xdr:cNvSpPr>
          <a:spLocks noChangeShapeType="1"/>
        </xdr:cNvSpPr>
      </xdr:nvSpPr>
      <xdr:spPr bwMode="auto">
        <a:xfrm>
          <a:off x="8122920" y="4587240"/>
          <a:ext cx="19812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9</xdr:col>
      <xdr:colOff>121920</xdr:colOff>
      <xdr:row>69</xdr:row>
      <xdr:rowOff>0</xdr:rowOff>
    </xdr:from>
    <xdr:to>
      <xdr:col>109</xdr:col>
      <xdr:colOff>312420</xdr:colOff>
      <xdr:row>69</xdr:row>
      <xdr:rowOff>0</xdr:rowOff>
    </xdr:to>
    <xdr:sp macro="" textlink="">
      <xdr:nvSpPr>
        <xdr:cNvPr id="57798" name="Line 11"/>
        <xdr:cNvSpPr>
          <a:spLocks noChangeShapeType="1"/>
        </xdr:cNvSpPr>
      </xdr:nvSpPr>
      <xdr:spPr bwMode="auto">
        <a:xfrm>
          <a:off x="21480780" y="9311640"/>
          <a:ext cx="19050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0960</xdr:colOff>
      <xdr:row>30</xdr:row>
      <xdr:rowOff>106680</xdr:rowOff>
    </xdr:from>
    <xdr:to>
      <xdr:col>55</xdr:col>
      <xdr:colOff>129540</xdr:colOff>
      <xdr:row>30</xdr:row>
      <xdr:rowOff>106680</xdr:rowOff>
    </xdr:to>
    <xdr:sp macro="" textlink="">
      <xdr:nvSpPr>
        <xdr:cNvPr id="57799" name="Line 12"/>
        <xdr:cNvSpPr>
          <a:spLocks noChangeShapeType="1"/>
        </xdr:cNvSpPr>
      </xdr:nvSpPr>
      <xdr:spPr bwMode="auto">
        <a:xfrm flipV="1">
          <a:off x="8420100" y="4587240"/>
          <a:ext cx="22098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8</xdr:col>
      <xdr:colOff>60960</xdr:colOff>
      <xdr:row>30</xdr:row>
      <xdr:rowOff>106680</xdr:rowOff>
    </xdr:from>
    <xdr:to>
      <xdr:col>79</xdr:col>
      <xdr:colOff>129540</xdr:colOff>
      <xdr:row>30</xdr:row>
      <xdr:rowOff>106680</xdr:rowOff>
    </xdr:to>
    <xdr:sp macro="" textlink="">
      <xdr:nvSpPr>
        <xdr:cNvPr id="57800" name="Line 13"/>
        <xdr:cNvSpPr>
          <a:spLocks noChangeShapeType="1"/>
        </xdr:cNvSpPr>
      </xdr:nvSpPr>
      <xdr:spPr bwMode="auto">
        <a:xfrm>
          <a:off x="12077700" y="4587240"/>
          <a:ext cx="22098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1</xdr:col>
      <xdr:colOff>106680</xdr:colOff>
      <xdr:row>23</xdr:row>
      <xdr:rowOff>76200</xdr:rowOff>
    </xdr:from>
    <xdr:to>
      <xdr:col>65</xdr:col>
      <xdr:colOff>0</xdr:colOff>
      <xdr:row>30</xdr:row>
      <xdr:rowOff>76200</xdr:rowOff>
    </xdr:to>
    <xdr:sp macro="" textlink="">
      <xdr:nvSpPr>
        <xdr:cNvPr id="57801" name="Line 14"/>
        <xdr:cNvSpPr>
          <a:spLocks noChangeShapeType="1"/>
        </xdr:cNvSpPr>
      </xdr:nvSpPr>
      <xdr:spPr bwMode="auto">
        <a:xfrm flipH="1">
          <a:off x="8008620" y="3802380"/>
          <a:ext cx="2026920" cy="75438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3</xdr:col>
      <xdr:colOff>68580</xdr:colOff>
      <xdr:row>23</xdr:row>
      <xdr:rowOff>76200</xdr:rowOff>
    </xdr:from>
    <xdr:to>
      <xdr:col>65</xdr:col>
      <xdr:colOff>22860</xdr:colOff>
      <xdr:row>30</xdr:row>
      <xdr:rowOff>60960</xdr:rowOff>
    </xdr:to>
    <xdr:sp macro="" textlink="">
      <xdr:nvSpPr>
        <xdr:cNvPr id="57802" name="Line 15"/>
        <xdr:cNvSpPr>
          <a:spLocks noChangeShapeType="1"/>
        </xdr:cNvSpPr>
      </xdr:nvSpPr>
      <xdr:spPr bwMode="auto">
        <a:xfrm flipH="1">
          <a:off x="8275320" y="3802380"/>
          <a:ext cx="1783080" cy="73914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5</xdr:col>
      <xdr:colOff>144780</xdr:colOff>
      <xdr:row>23</xdr:row>
      <xdr:rowOff>68580</xdr:rowOff>
    </xdr:from>
    <xdr:to>
      <xdr:col>65</xdr:col>
      <xdr:colOff>38100</xdr:colOff>
      <xdr:row>30</xdr:row>
      <xdr:rowOff>76200</xdr:rowOff>
    </xdr:to>
    <xdr:sp macro="" textlink="">
      <xdr:nvSpPr>
        <xdr:cNvPr id="57803" name="Line 16"/>
        <xdr:cNvSpPr>
          <a:spLocks noChangeShapeType="1"/>
        </xdr:cNvSpPr>
      </xdr:nvSpPr>
      <xdr:spPr bwMode="auto">
        <a:xfrm flipH="1">
          <a:off x="8656320" y="3794760"/>
          <a:ext cx="1417320" cy="76200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9</xdr:col>
      <xdr:colOff>114300</xdr:colOff>
      <xdr:row>24</xdr:row>
      <xdr:rowOff>0</xdr:rowOff>
    </xdr:from>
    <xdr:to>
      <xdr:col>78</xdr:col>
      <xdr:colOff>22860</xdr:colOff>
      <xdr:row>30</xdr:row>
      <xdr:rowOff>76200</xdr:rowOff>
    </xdr:to>
    <xdr:sp macro="" textlink="">
      <xdr:nvSpPr>
        <xdr:cNvPr id="57804" name="Line 17"/>
        <xdr:cNvSpPr>
          <a:spLocks noChangeShapeType="1"/>
        </xdr:cNvSpPr>
      </xdr:nvSpPr>
      <xdr:spPr bwMode="auto">
        <a:xfrm>
          <a:off x="10759440" y="3825240"/>
          <a:ext cx="1280160" cy="73152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64</xdr:col>
      <xdr:colOff>137160</xdr:colOff>
      <xdr:row>21</xdr:row>
      <xdr:rowOff>68580</xdr:rowOff>
    </xdr:from>
    <xdr:to>
      <xdr:col>70</xdr:col>
      <xdr:colOff>38100</xdr:colOff>
      <xdr:row>24</xdr:row>
      <xdr:rowOff>45720</xdr:rowOff>
    </xdr:to>
    <xdr:sp macro="" textlink="">
      <xdr:nvSpPr>
        <xdr:cNvPr id="57805" name="Oval 19"/>
        <xdr:cNvSpPr>
          <a:spLocks noChangeArrowheads="1"/>
        </xdr:cNvSpPr>
      </xdr:nvSpPr>
      <xdr:spPr bwMode="auto">
        <a:xfrm>
          <a:off x="10020300" y="3596640"/>
          <a:ext cx="815340" cy="27432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8</xdr:col>
      <xdr:colOff>38548</xdr:colOff>
      <xdr:row>44</xdr:row>
      <xdr:rowOff>85165</xdr:rowOff>
    </xdr:from>
    <xdr:to>
      <xdr:col>79</xdr:col>
      <xdr:colOff>71717</xdr:colOff>
      <xdr:row>46</xdr:row>
      <xdr:rowOff>39445</xdr:rowOff>
    </xdr:to>
    <xdr:sp macro="" textlink="">
      <xdr:nvSpPr>
        <xdr:cNvPr id="57806" name="Oval 20"/>
        <xdr:cNvSpPr>
          <a:spLocks noChangeArrowheads="1"/>
        </xdr:cNvSpPr>
      </xdr:nvSpPr>
      <xdr:spPr bwMode="auto">
        <a:xfrm>
          <a:off x="10527254" y="6369424"/>
          <a:ext cx="1709569" cy="303903"/>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9</xdr:col>
      <xdr:colOff>38100</xdr:colOff>
      <xdr:row>24</xdr:row>
      <xdr:rowOff>45720</xdr:rowOff>
    </xdr:from>
    <xdr:to>
      <xdr:col>35</xdr:col>
      <xdr:colOff>129540</xdr:colOff>
      <xdr:row>29</xdr:row>
      <xdr:rowOff>83820</xdr:rowOff>
    </xdr:to>
    <xdr:sp macro="" textlink="">
      <xdr:nvSpPr>
        <xdr:cNvPr id="57807" name="Oval 22"/>
        <xdr:cNvSpPr>
          <a:spLocks noChangeArrowheads="1"/>
        </xdr:cNvSpPr>
      </xdr:nvSpPr>
      <xdr:spPr bwMode="auto">
        <a:xfrm>
          <a:off x="4587240" y="3870960"/>
          <a:ext cx="1005840" cy="59436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76200</xdr:colOff>
      <xdr:row>25</xdr:row>
      <xdr:rowOff>53340</xdr:rowOff>
    </xdr:from>
    <xdr:to>
      <xdr:col>3</xdr:col>
      <xdr:colOff>30480</xdr:colOff>
      <xdr:row>29</xdr:row>
      <xdr:rowOff>30480</xdr:rowOff>
    </xdr:to>
    <xdr:sp macro="" textlink="">
      <xdr:nvSpPr>
        <xdr:cNvPr id="57808" name="Oval 23"/>
        <xdr:cNvSpPr>
          <a:spLocks noChangeArrowheads="1"/>
        </xdr:cNvSpPr>
      </xdr:nvSpPr>
      <xdr:spPr bwMode="auto">
        <a:xfrm>
          <a:off x="76200" y="3977640"/>
          <a:ext cx="541020" cy="434340"/>
        </a:xfrm>
        <a:prstGeom prst="ellipse">
          <a:avLst/>
        </a:prstGeom>
        <a:noFill/>
        <a:ln w="25400">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9</xdr:col>
      <xdr:colOff>0</xdr:colOff>
      <xdr:row>14</xdr:row>
      <xdr:rowOff>30480</xdr:rowOff>
    </xdr:from>
    <xdr:to>
      <xdr:col>15</xdr:col>
      <xdr:colOff>114300</xdr:colOff>
      <xdr:row>19</xdr:row>
      <xdr:rowOff>76200</xdr:rowOff>
    </xdr:to>
    <xdr:pic>
      <xdr:nvPicPr>
        <xdr:cNvPr id="57809" name="Picture 12"/>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01140" y="2865120"/>
          <a:ext cx="1028700" cy="5410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7.xml><?xml version="1.0" encoding="utf-8"?>
<xdr:wsDr xmlns:xdr="http://schemas.openxmlformats.org/drawingml/2006/spreadsheetDrawing" xmlns:a="http://schemas.openxmlformats.org/drawingml/2006/main">
  <xdr:twoCellAnchor>
    <xdr:from>
      <xdr:col>0</xdr:col>
      <xdr:colOff>53340</xdr:colOff>
      <xdr:row>14</xdr:row>
      <xdr:rowOff>38100</xdr:rowOff>
    </xdr:from>
    <xdr:to>
      <xdr:col>2</xdr:col>
      <xdr:colOff>144780</xdr:colOff>
      <xdr:row>15</xdr:row>
      <xdr:rowOff>68580</xdr:rowOff>
    </xdr:to>
    <xdr:sp macro="" textlink="">
      <xdr:nvSpPr>
        <xdr:cNvPr id="54236"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4237"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4238"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54239"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54240"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54241"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54242"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4243"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4244"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54245"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54246"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4247"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4248"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4249"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54250"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54251"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54252"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54253"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4254"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4255"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54256"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54257"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4258"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4259"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4260"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54261"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54262"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54263"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54264"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54265"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54266"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54267"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54268"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53340</xdr:colOff>
      <xdr:row>14</xdr:row>
      <xdr:rowOff>38100</xdr:rowOff>
    </xdr:from>
    <xdr:to>
      <xdr:col>2</xdr:col>
      <xdr:colOff>144780</xdr:colOff>
      <xdr:row>15</xdr:row>
      <xdr:rowOff>68580</xdr:rowOff>
    </xdr:to>
    <xdr:sp macro="" textlink="">
      <xdr:nvSpPr>
        <xdr:cNvPr id="54269" name="AutoShape 1"/>
        <xdr:cNvSpPr>
          <a:spLocks/>
        </xdr:cNvSpPr>
      </xdr:nvSpPr>
      <xdr:spPr bwMode="auto">
        <a:xfrm rot="5400000">
          <a:off x="186690" y="1657350"/>
          <a:ext cx="129540" cy="396240"/>
        </a:xfrm>
        <a:prstGeom prst="rightBrace">
          <a:avLst>
            <a:gd name="adj1" fmla="val 25490"/>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22860</xdr:colOff>
      <xdr:row>14</xdr:row>
      <xdr:rowOff>38100</xdr:rowOff>
    </xdr:from>
    <xdr:to>
      <xdr:col>20</xdr:col>
      <xdr:colOff>144780</xdr:colOff>
      <xdr:row>15</xdr:row>
      <xdr:rowOff>83820</xdr:rowOff>
    </xdr:to>
    <xdr:sp macro="" textlink="">
      <xdr:nvSpPr>
        <xdr:cNvPr id="54270" name="AutoShape 2"/>
        <xdr:cNvSpPr>
          <a:spLocks/>
        </xdr:cNvSpPr>
      </xdr:nvSpPr>
      <xdr:spPr bwMode="auto">
        <a:xfrm rot="5400000">
          <a:off x="1916430" y="659130"/>
          <a:ext cx="144780" cy="2407920"/>
        </a:xfrm>
        <a:prstGeom prst="rightBrace">
          <a:avLst>
            <a:gd name="adj1" fmla="val 138596"/>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53340</xdr:colOff>
      <xdr:row>14</xdr:row>
      <xdr:rowOff>38100</xdr:rowOff>
    </xdr:from>
    <xdr:to>
      <xdr:col>25</xdr:col>
      <xdr:colOff>144780</xdr:colOff>
      <xdr:row>15</xdr:row>
      <xdr:rowOff>68580</xdr:rowOff>
    </xdr:to>
    <xdr:sp macro="" textlink="">
      <xdr:nvSpPr>
        <xdr:cNvPr id="54271" name="AutoShape 3"/>
        <xdr:cNvSpPr>
          <a:spLocks/>
        </xdr:cNvSpPr>
      </xdr:nvSpPr>
      <xdr:spPr bwMode="auto">
        <a:xfrm rot="5400000">
          <a:off x="3539490" y="1504950"/>
          <a:ext cx="129540" cy="701040"/>
        </a:xfrm>
        <a:prstGeom prst="rightBrace">
          <a:avLst>
            <a:gd name="adj1" fmla="val 45098"/>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38100</xdr:colOff>
      <xdr:row>14</xdr:row>
      <xdr:rowOff>38100</xdr:rowOff>
    </xdr:from>
    <xdr:to>
      <xdr:col>42</xdr:col>
      <xdr:colOff>129540</xdr:colOff>
      <xdr:row>15</xdr:row>
      <xdr:rowOff>68580</xdr:rowOff>
    </xdr:to>
    <xdr:sp macro="" textlink="">
      <xdr:nvSpPr>
        <xdr:cNvPr id="62464" name="AutoShape 4"/>
        <xdr:cNvSpPr>
          <a:spLocks/>
        </xdr:cNvSpPr>
      </xdr:nvSpPr>
      <xdr:spPr bwMode="auto">
        <a:xfrm rot="5400000">
          <a:off x="5200650" y="590550"/>
          <a:ext cx="129540" cy="2529840"/>
        </a:xfrm>
        <a:prstGeom prst="rightBrace">
          <a:avLst>
            <a:gd name="adj1" fmla="val 162745"/>
            <a:gd name="adj2" fmla="val 5277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3</xdr:col>
      <xdr:colOff>15240</xdr:colOff>
      <xdr:row>14</xdr:row>
      <xdr:rowOff>45720</xdr:rowOff>
    </xdr:from>
    <xdr:to>
      <xdr:col>56</xdr:col>
      <xdr:colOff>137160</xdr:colOff>
      <xdr:row>15</xdr:row>
      <xdr:rowOff>45720</xdr:rowOff>
    </xdr:to>
    <xdr:sp macro="" textlink="">
      <xdr:nvSpPr>
        <xdr:cNvPr id="62465" name="AutoShape 5"/>
        <xdr:cNvSpPr>
          <a:spLocks/>
        </xdr:cNvSpPr>
      </xdr:nvSpPr>
      <xdr:spPr bwMode="auto">
        <a:xfrm rot="5400000">
          <a:off x="7570470" y="796290"/>
          <a:ext cx="99060" cy="2103120"/>
        </a:xfrm>
        <a:prstGeom prst="rightBrace">
          <a:avLst>
            <a:gd name="adj1" fmla="val 176923"/>
            <a:gd name="adj2" fmla="val 5077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7</xdr:col>
      <xdr:colOff>30480</xdr:colOff>
      <xdr:row>14</xdr:row>
      <xdr:rowOff>45720</xdr:rowOff>
    </xdr:from>
    <xdr:to>
      <xdr:col>69</xdr:col>
      <xdr:colOff>129540</xdr:colOff>
      <xdr:row>15</xdr:row>
      <xdr:rowOff>68580</xdr:rowOff>
    </xdr:to>
    <xdr:sp macro="" textlink="">
      <xdr:nvSpPr>
        <xdr:cNvPr id="62466" name="AutoShape 6"/>
        <xdr:cNvSpPr>
          <a:spLocks/>
        </xdr:cNvSpPr>
      </xdr:nvSpPr>
      <xdr:spPr bwMode="auto">
        <a:xfrm rot="5400000">
          <a:off x="9620250" y="895350"/>
          <a:ext cx="121920" cy="1927860"/>
        </a:xfrm>
        <a:prstGeom prst="rightBrace">
          <a:avLst>
            <a:gd name="adj1" fmla="val 131771"/>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1</xdr:col>
      <xdr:colOff>15240</xdr:colOff>
      <xdr:row>14</xdr:row>
      <xdr:rowOff>22860</xdr:rowOff>
    </xdr:from>
    <xdr:to>
      <xdr:col>79</xdr:col>
      <xdr:colOff>15240</xdr:colOff>
      <xdr:row>15</xdr:row>
      <xdr:rowOff>68580</xdr:rowOff>
    </xdr:to>
    <xdr:sp macro="" textlink="">
      <xdr:nvSpPr>
        <xdr:cNvPr id="62467" name="AutoShape 7"/>
        <xdr:cNvSpPr>
          <a:spLocks/>
        </xdr:cNvSpPr>
      </xdr:nvSpPr>
      <xdr:spPr bwMode="auto">
        <a:xfrm rot="5400000">
          <a:off x="11372850" y="1238250"/>
          <a:ext cx="144780" cy="1219200"/>
        </a:xfrm>
        <a:prstGeom prst="rightBrace">
          <a:avLst>
            <a:gd name="adj1" fmla="val 70175"/>
            <a:gd name="adj2" fmla="val 5056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9</xdr:col>
      <xdr:colOff>251460</xdr:colOff>
      <xdr:row>44</xdr:row>
      <xdr:rowOff>60960</xdr:rowOff>
    </xdr:from>
    <xdr:to>
      <xdr:col>109</xdr:col>
      <xdr:colOff>251460</xdr:colOff>
      <xdr:row>47</xdr:row>
      <xdr:rowOff>15240</xdr:rowOff>
    </xdr:to>
    <xdr:sp macro="" textlink="">
      <xdr:nvSpPr>
        <xdr:cNvPr id="62468" name="Line 9"/>
        <xdr:cNvSpPr>
          <a:spLocks noChangeShapeType="1"/>
        </xdr:cNvSpPr>
      </xdr:nvSpPr>
      <xdr:spPr bwMode="auto">
        <a:xfrm>
          <a:off x="21998940" y="4549140"/>
          <a:ext cx="0" cy="2286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7</xdr:col>
      <xdr:colOff>251460</xdr:colOff>
      <xdr:row>63</xdr:row>
      <xdr:rowOff>0</xdr:rowOff>
    </xdr:from>
    <xdr:to>
      <xdr:col>107</xdr:col>
      <xdr:colOff>251460</xdr:colOff>
      <xdr:row>63</xdr:row>
      <xdr:rowOff>83820</xdr:rowOff>
    </xdr:to>
    <xdr:sp macro="" textlink="">
      <xdr:nvSpPr>
        <xdr:cNvPr id="62469" name="Line 10"/>
        <xdr:cNvSpPr>
          <a:spLocks noChangeShapeType="1"/>
        </xdr:cNvSpPr>
      </xdr:nvSpPr>
      <xdr:spPr bwMode="auto">
        <a:xfrm>
          <a:off x="20657820" y="6225540"/>
          <a:ext cx="0" cy="838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80</xdr:col>
      <xdr:colOff>0</xdr:colOff>
      <xdr:row>14</xdr:row>
      <xdr:rowOff>0</xdr:rowOff>
    </xdr:from>
    <xdr:to>
      <xdr:col>80</xdr:col>
      <xdr:colOff>0</xdr:colOff>
      <xdr:row>15</xdr:row>
      <xdr:rowOff>76200</xdr:rowOff>
    </xdr:to>
    <xdr:sp macro="" textlink="">
      <xdr:nvSpPr>
        <xdr:cNvPr id="62470" name="Line 11"/>
        <xdr:cNvSpPr>
          <a:spLocks noChangeShapeType="1"/>
        </xdr:cNvSpPr>
      </xdr:nvSpPr>
      <xdr:spPr bwMode="auto">
        <a:xfrm>
          <a:off x="12192000" y="1752600"/>
          <a:ext cx="0" cy="1752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0</xdr:col>
      <xdr:colOff>76200</xdr:colOff>
      <xdr:row>14</xdr:row>
      <xdr:rowOff>0</xdr:rowOff>
    </xdr:from>
    <xdr:to>
      <xdr:col>70</xdr:col>
      <xdr:colOff>76200</xdr:colOff>
      <xdr:row>15</xdr:row>
      <xdr:rowOff>83820</xdr:rowOff>
    </xdr:to>
    <xdr:sp macro="" textlink="">
      <xdr:nvSpPr>
        <xdr:cNvPr id="62471" name="Line 12"/>
        <xdr:cNvSpPr>
          <a:spLocks noChangeShapeType="1"/>
        </xdr:cNvSpPr>
      </xdr:nvSpPr>
      <xdr:spPr bwMode="auto">
        <a:xfrm>
          <a:off x="10744200" y="1752600"/>
          <a:ext cx="0" cy="1828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8.xml><?xml version="1.0" encoding="utf-8"?>
<xdr:wsDr xmlns:xdr="http://schemas.openxmlformats.org/drawingml/2006/spreadsheetDrawing" xmlns:a="http://schemas.openxmlformats.org/drawingml/2006/main">
  <xdr:twoCellAnchor>
    <xdr:from>
      <xdr:col>5</xdr:col>
      <xdr:colOff>15240</xdr:colOff>
      <xdr:row>11</xdr:row>
      <xdr:rowOff>38100</xdr:rowOff>
    </xdr:from>
    <xdr:to>
      <xdr:col>17</xdr:col>
      <xdr:colOff>144780</xdr:colOff>
      <xdr:row>12</xdr:row>
      <xdr:rowOff>68580</xdr:rowOff>
    </xdr:to>
    <xdr:sp macro="" textlink="">
      <xdr:nvSpPr>
        <xdr:cNvPr id="42755" name="AutoShape 1"/>
        <xdr:cNvSpPr>
          <a:spLocks/>
        </xdr:cNvSpPr>
      </xdr:nvSpPr>
      <xdr:spPr bwMode="auto">
        <a:xfrm rot="5400000">
          <a:off x="1691640" y="685800"/>
          <a:ext cx="129540" cy="1958340"/>
        </a:xfrm>
        <a:prstGeom prst="rightBrace">
          <a:avLst>
            <a:gd name="adj1" fmla="val 125980"/>
            <a:gd name="adj2" fmla="val 5388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22860</xdr:colOff>
      <xdr:row>11</xdr:row>
      <xdr:rowOff>38100</xdr:rowOff>
    </xdr:from>
    <xdr:to>
      <xdr:col>32</xdr:col>
      <xdr:colOff>137160</xdr:colOff>
      <xdr:row>12</xdr:row>
      <xdr:rowOff>60960</xdr:rowOff>
    </xdr:to>
    <xdr:sp macro="" textlink="">
      <xdr:nvSpPr>
        <xdr:cNvPr id="42756" name="AutoShape 2"/>
        <xdr:cNvSpPr>
          <a:spLocks/>
        </xdr:cNvSpPr>
      </xdr:nvSpPr>
      <xdr:spPr bwMode="auto">
        <a:xfrm rot="5400000">
          <a:off x="3829050" y="537210"/>
          <a:ext cx="121920" cy="2247900"/>
        </a:xfrm>
        <a:prstGeom prst="rightBrace">
          <a:avLst>
            <a:gd name="adj1" fmla="val 153646"/>
            <a:gd name="adj2" fmla="val 52912"/>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0</xdr:colOff>
      <xdr:row>11</xdr:row>
      <xdr:rowOff>38100</xdr:rowOff>
    </xdr:from>
    <xdr:to>
      <xdr:col>67</xdr:col>
      <xdr:colOff>144780</xdr:colOff>
      <xdr:row>12</xdr:row>
      <xdr:rowOff>68580</xdr:rowOff>
    </xdr:to>
    <xdr:sp macro="" textlink="">
      <xdr:nvSpPr>
        <xdr:cNvPr id="42757" name="AutoShape 3"/>
        <xdr:cNvSpPr>
          <a:spLocks/>
        </xdr:cNvSpPr>
      </xdr:nvSpPr>
      <xdr:spPr bwMode="auto">
        <a:xfrm rot="5400000">
          <a:off x="7627620" y="-998220"/>
          <a:ext cx="129540" cy="5326380"/>
        </a:xfrm>
        <a:prstGeom prst="rightBrace">
          <a:avLst>
            <a:gd name="adj1" fmla="val 342647"/>
            <a:gd name="adj2" fmla="val 5296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8</xdr:col>
      <xdr:colOff>15240</xdr:colOff>
      <xdr:row>11</xdr:row>
      <xdr:rowOff>38100</xdr:rowOff>
    </xdr:from>
    <xdr:to>
      <xdr:col>75</xdr:col>
      <xdr:colOff>144780</xdr:colOff>
      <xdr:row>12</xdr:row>
      <xdr:rowOff>60960</xdr:rowOff>
    </xdr:to>
    <xdr:sp macro="" textlink="">
      <xdr:nvSpPr>
        <xdr:cNvPr id="42758" name="AutoShape 4"/>
        <xdr:cNvSpPr>
          <a:spLocks/>
        </xdr:cNvSpPr>
      </xdr:nvSpPr>
      <xdr:spPr bwMode="auto">
        <a:xfrm rot="5400000">
          <a:off x="10915650" y="1062990"/>
          <a:ext cx="121920" cy="1196340"/>
        </a:xfrm>
        <a:prstGeom prst="rightBrace">
          <a:avLst>
            <a:gd name="adj1" fmla="val 81771"/>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6</xdr:col>
      <xdr:colOff>76200</xdr:colOff>
      <xdr:row>11</xdr:row>
      <xdr:rowOff>0</xdr:rowOff>
    </xdr:from>
    <xdr:to>
      <xdr:col>76</xdr:col>
      <xdr:colOff>76200</xdr:colOff>
      <xdr:row>12</xdr:row>
      <xdr:rowOff>60960</xdr:rowOff>
    </xdr:to>
    <xdr:sp macro="" textlink="">
      <xdr:nvSpPr>
        <xdr:cNvPr id="42759" name="Line 5"/>
        <xdr:cNvSpPr>
          <a:spLocks noChangeShapeType="1"/>
        </xdr:cNvSpPr>
      </xdr:nvSpPr>
      <xdr:spPr bwMode="auto">
        <a:xfrm>
          <a:off x="11658600" y="1562100"/>
          <a:ext cx="0" cy="1600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5240</xdr:colOff>
      <xdr:row>11</xdr:row>
      <xdr:rowOff>38100</xdr:rowOff>
    </xdr:from>
    <xdr:to>
      <xdr:col>17</xdr:col>
      <xdr:colOff>144780</xdr:colOff>
      <xdr:row>12</xdr:row>
      <xdr:rowOff>68580</xdr:rowOff>
    </xdr:to>
    <xdr:sp macro="" textlink="">
      <xdr:nvSpPr>
        <xdr:cNvPr id="42760" name="AutoShape 1"/>
        <xdr:cNvSpPr>
          <a:spLocks/>
        </xdr:cNvSpPr>
      </xdr:nvSpPr>
      <xdr:spPr bwMode="auto">
        <a:xfrm rot="5400000">
          <a:off x="1691640" y="685800"/>
          <a:ext cx="129540" cy="1958340"/>
        </a:xfrm>
        <a:prstGeom prst="rightBrace">
          <a:avLst>
            <a:gd name="adj1" fmla="val 125980"/>
            <a:gd name="adj2" fmla="val 5388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8</xdr:col>
      <xdr:colOff>22860</xdr:colOff>
      <xdr:row>11</xdr:row>
      <xdr:rowOff>38100</xdr:rowOff>
    </xdr:from>
    <xdr:to>
      <xdr:col>32</xdr:col>
      <xdr:colOff>137160</xdr:colOff>
      <xdr:row>12</xdr:row>
      <xdr:rowOff>60960</xdr:rowOff>
    </xdr:to>
    <xdr:sp macro="" textlink="">
      <xdr:nvSpPr>
        <xdr:cNvPr id="42761" name="AutoShape 2"/>
        <xdr:cNvSpPr>
          <a:spLocks/>
        </xdr:cNvSpPr>
      </xdr:nvSpPr>
      <xdr:spPr bwMode="auto">
        <a:xfrm rot="5400000">
          <a:off x="3829050" y="537210"/>
          <a:ext cx="121920" cy="2247900"/>
        </a:xfrm>
        <a:prstGeom prst="rightBrace">
          <a:avLst>
            <a:gd name="adj1" fmla="val 153646"/>
            <a:gd name="adj2" fmla="val 52912"/>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0</xdr:colOff>
      <xdr:row>11</xdr:row>
      <xdr:rowOff>38100</xdr:rowOff>
    </xdr:from>
    <xdr:to>
      <xdr:col>67</xdr:col>
      <xdr:colOff>144780</xdr:colOff>
      <xdr:row>12</xdr:row>
      <xdr:rowOff>68580</xdr:rowOff>
    </xdr:to>
    <xdr:sp macro="" textlink="">
      <xdr:nvSpPr>
        <xdr:cNvPr id="42762" name="AutoShape 3"/>
        <xdr:cNvSpPr>
          <a:spLocks/>
        </xdr:cNvSpPr>
      </xdr:nvSpPr>
      <xdr:spPr bwMode="auto">
        <a:xfrm rot="5400000">
          <a:off x="7627620" y="-998220"/>
          <a:ext cx="129540" cy="5326380"/>
        </a:xfrm>
        <a:prstGeom prst="rightBrace">
          <a:avLst>
            <a:gd name="adj1" fmla="val 342647"/>
            <a:gd name="adj2" fmla="val 5296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8</xdr:col>
      <xdr:colOff>15240</xdr:colOff>
      <xdr:row>11</xdr:row>
      <xdr:rowOff>38100</xdr:rowOff>
    </xdr:from>
    <xdr:to>
      <xdr:col>75</xdr:col>
      <xdr:colOff>144780</xdr:colOff>
      <xdr:row>12</xdr:row>
      <xdr:rowOff>60960</xdr:rowOff>
    </xdr:to>
    <xdr:sp macro="" textlink="">
      <xdr:nvSpPr>
        <xdr:cNvPr id="42763" name="AutoShape 4"/>
        <xdr:cNvSpPr>
          <a:spLocks/>
        </xdr:cNvSpPr>
      </xdr:nvSpPr>
      <xdr:spPr bwMode="auto">
        <a:xfrm rot="5400000">
          <a:off x="10915650" y="1062990"/>
          <a:ext cx="121920" cy="1196340"/>
        </a:xfrm>
        <a:prstGeom prst="rightBrace">
          <a:avLst>
            <a:gd name="adj1" fmla="val 81771"/>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6</xdr:col>
      <xdr:colOff>76200</xdr:colOff>
      <xdr:row>11</xdr:row>
      <xdr:rowOff>0</xdr:rowOff>
    </xdr:from>
    <xdr:to>
      <xdr:col>76</xdr:col>
      <xdr:colOff>76200</xdr:colOff>
      <xdr:row>12</xdr:row>
      <xdr:rowOff>60960</xdr:rowOff>
    </xdr:to>
    <xdr:sp macro="" textlink="">
      <xdr:nvSpPr>
        <xdr:cNvPr id="42764" name="Line 5"/>
        <xdr:cNvSpPr>
          <a:spLocks noChangeShapeType="1"/>
        </xdr:cNvSpPr>
      </xdr:nvSpPr>
      <xdr:spPr bwMode="auto">
        <a:xfrm>
          <a:off x="11658600" y="1562100"/>
          <a:ext cx="0" cy="16002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3</xdr:col>
      <xdr:colOff>71718</xdr:colOff>
      <xdr:row>30</xdr:row>
      <xdr:rowOff>0</xdr:rowOff>
    </xdr:from>
    <xdr:to>
      <xdr:col>76</xdr:col>
      <xdr:colOff>98611</xdr:colOff>
      <xdr:row>39</xdr:row>
      <xdr:rowOff>89647</xdr:rowOff>
    </xdr:to>
    <xdr:sp macro="" textlink="">
      <xdr:nvSpPr>
        <xdr:cNvPr id="2" name="大かっこ 1"/>
        <xdr:cNvSpPr/>
      </xdr:nvSpPr>
      <xdr:spPr>
        <a:xfrm>
          <a:off x="6624918" y="4267200"/>
          <a:ext cx="5056093" cy="1398494"/>
        </a:xfrm>
        <a:prstGeom prst="bracketPair">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14_&#21161;&#25104;G&#65288;&#21161;&#25104;&#25285;&#24403;&#65289;/04%20&#21161;&#25104;&#65288;&#20849;&#36890;&#65289;/11%20&#29694;&#27841;&#35519;&#26619;/&#65330;&#65301;&#29694;&#27841;&#35519;&#26619;/&#24188;&#31258;&#22290;/&#35519;&#26619;&#31080;&#27096;&#24335;&#31561;/&#23455;&#24907;&#35519;&#26619;/&#2669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印刷シート＜昨年度＞"/>
      <sheetName val="現況調査票（その３）&lt;昨年度＞"/>
      <sheetName val="現況調査票（その３①）"/>
      <sheetName val="現況調査票（その３②）"/>
      <sheetName val="現況調査票（その３）両面"/>
      <sheetName val="現況調査票（その３）両面 (横)"/>
      <sheetName val="現況調査票（その３②） (2)"/>
    </sheetNames>
    <sheetDataSet>
      <sheetData sheetId="0"/>
      <sheetData sheetId="1"/>
      <sheetData sheetId="2"/>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6.xml"/><Relationship Id="rId1" Type="http://schemas.openxmlformats.org/officeDocument/2006/relationships/printerSettings" Target="../printerSettings/printerSettings6.bin"/><Relationship Id="rId4" Type="http://schemas.openxmlformats.org/officeDocument/2006/relationships/comments" Target="../comments1.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B5:M25"/>
  <sheetViews>
    <sheetView view="pageLayout" zoomScaleNormal="100" zoomScaleSheetLayoutView="85" workbookViewId="0">
      <selection activeCell="C12" sqref="C12"/>
    </sheetView>
  </sheetViews>
  <sheetFormatPr defaultRowHeight="14.4"/>
  <cols>
    <col min="1" max="2" width="5.19921875" customWidth="1"/>
    <col min="3" max="3" width="111.09765625" customWidth="1"/>
    <col min="4" max="4" width="6.5" customWidth="1"/>
    <col min="5" max="6" width="11.59765625" bestFit="1" customWidth="1"/>
    <col min="7" max="7" width="6.69921875" customWidth="1"/>
    <col min="8" max="8" width="13.59765625" customWidth="1"/>
  </cols>
  <sheetData>
    <row r="5" spans="2:13" ht="7.5" customHeight="1"/>
    <row r="6" spans="2:13" ht="21.75" customHeight="1">
      <c r="B6" t="s">
        <v>448</v>
      </c>
      <c r="M6" s="304"/>
    </row>
    <row r="7" spans="2:13" ht="42.75" customHeight="1">
      <c r="B7" s="647" t="s">
        <v>606</v>
      </c>
      <c r="C7" s="647"/>
      <c r="D7" s="239"/>
      <c r="E7" s="239"/>
      <c r="F7" s="239"/>
      <c r="G7" s="239"/>
      <c r="H7" s="239"/>
      <c r="I7" s="239"/>
      <c r="J7" s="239"/>
      <c r="M7" s="303"/>
    </row>
    <row r="8" spans="2:13">
      <c r="M8" s="305"/>
    </row>
    <row r="9" spans="2:13" ht="22.5" customHeight="1">
      <c r="B9" t="s">
        <v>607</v>
      </c>
    </row>
    <row r="10" spans="2:13" ht="21.75" customHeight="1">
      <c r="B10" s="309">
        <v>1</v>
      </c>
      <c r="C10" s="509" t="s">
        <v>760</v>
      </c>
      <c r="D10" s="3"/>
      <c r="E10" s="174"/>
      <c r="F10" s="174"/>
    </row>
    <row r="11" spans="2:13" ht="21.75" customHeight="1">
      <c r="B11" s="495">
        <v>2</v>
      </c>
      <c r="C11" s="310" t="s">
        <v>475</v>
      </c>
      <c r="D11" s="308"/>
      <c r="E11" s="174"/>
      <c r="F11" s="174"/>
    </row>
    <row r="12" spans="2:13" ht="21.75" customHeight="1">
      <c r="B12" s="495"/>
      <c r="C12" s="310" t="s">
        <v>474</v>
      </c>
      <c r="D12" s="308"/>
      <c r="E12" s="174"/>
      <c r="F12" s="174"/>
    </row>
    <row r="13" spans="2:13" ht="21.75" customHeight="1">
      <c r="B13" s="495">
        <v>3</v>
      </c>
      <c r="C13" s="387" t="s">
        <v>761</v>
      </c>
      <c r="D13" s="308"/>
      <c r="E13" s="174"/>
      <c r="F13" s="174"/>
    </row>
    <row r="14" spans="2:13" ht="21.75" customHeight="1">
      <c r="B14" s="495"/>
      <c r="C14" s="310" t="s">
        <v>795</v>
      </c>
      <c r="D14" s="308"/>
      <c r="E14" s="174"/>
      <c r="F14" s="174"/>
    </row>
    <row r="15" spans="2:13" ht="21.75" customHeight="1">
      <c r="B15" s="495">
        <v>4</v>
      </c>
      <c r="C15" s="388" t="s">
        <v>762</v>
      </c>
      <c r="D15" s="3"/>
      <c r="E15" s="174"/>
      <c r="F15" s="174"/>
    </row>
    <row r="16" spans="2:13" ht="21.75" customHeight="1">
      <c r="B16" s="495">
        <v>5</v>
      </c>
      <c r="C16" s="387" t="s">
        <v>449</v>
      </c>
      <c r="D16" s="308"/>
      <c r="E16" s="174"/>
      <c r="F16" s="174"/>
    </row>
    <row r="17" spans="2:6" ht="21.75" customHeight="1">
      <c r="B17" s="495"/>
      <c r="C17" s="310" t="s">
        <v>763</v>
      </c>
      <c r="D17" s="308"/>
      <c r="E17" s="174"/>
      <c r="F17" s="174"/>
    </row>
    <row r="18" spans="2:6" ht="21.75" customHeight="1">
      <c r="B18" s="495">
        <v>6</v>
      </c>
      <c r="C18" s="387" t="s">
        <v>450</v>
      </c>
      <c r="D18" s="308"/>
      <c r="E18" s="174"/>
      <c r="F18" s="174"/>
    </row>
    <row r="19" spans="2:6" ht="21.75" customHeight="1">
      <c r="B19" s="495"/>
      <c r="C19" s="310" t="s">
        <v>764</v>
      </c>
      <c r="D19" s="308"/>
      <c r="E19" s="174"/>
      <c r="F19" s="174"/>
    </row>
    <row r="20" spans="2:6" ht="21.75" customHeight="1">
      <c r="B20" s="495">
        <v>7</v>
      </c>
      <c r="C20" s="388" t="s">
        <v>765</v>
      </c>
      <c r="D20" s="308"/>
      <c r="E20" s="174"/>
      <c r="F20" s="174"/>
    </row>
    <row r="21" spans="2:6" ht="57.6">
      <c r="B21" s="495"/>
      <c r="C21" s="311" t="s">
        <v>608</v>
      </c>
      <c r="D21" s="308"/>
      <c r="E21" s="174"/>
      <c r="F21" s="174"/>
    </row>
    <row r="22" spans="2:6" ht="21.75" customHeight="1">
      <c r="B22" s="501">
        <v>8</v>
      </c>
      <c r="C22" s="513" t="s">
        <v>766</v>
      </c>
      <c r="D22" s="3"/>
      <c r="E22" s="174"/>
      <c r="F22" s="174"/>
    </row>
    <row r="23" spans="2:6" ht="21.75" customHeight="1">
      <c r="B23" s="174"/>
      <c r="C23" s="3"/>
      <c r="D23" s="3"/>
      <c r="E23" s="3"/>
      <c r="F23" s="174"/>
    </row>
    <row r="24" spans="2:6" ht="8.25" customHeight="1">
      <c r="B24" s="174"/>
      <c r="C24" s="3"/>
      <c r="D24" s="3"/>
      <c r="E24" s="3"/>
      <c r="F24" s="174"/>
    </row>
    <row r="25" spans="2:6" ht="26.25" customHeight="1">
      <c r="B25" s="306" t="s">
        <v>610</v>
      </c>
    </row>
  </sheetData>
  <mergeCells count="1">
    <mergeCell ref="B7:C7"/>
  </mergeCells>
  <phoneticPr fontId="2"/>
  <printOptions horizontalCentered="1"/>
  <pageMargins left="0.70866141732283472" right="0.70866141732283472" top="0.43307086614173229" bottom="0.43307086614173229" header="0.31496062992125984" footer="0.31496062992125984"/>
  <pageSetup paperSize="9" scale="96" orientation="landscape" r:id="rId1"/>
  <headerFooter>
    <oddHeader>&amp;R&amp;"HG丸ｺﾞｼｯｸM-PRO,標準"＜私学助成用＞</oddHeader>
    <oddFooter>&amp;C&amp;14 １</oddFooter>
  </headerFooter>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H59"/>
  <sheetViews>
    <sheetView view="pageBreakPreview" topLeftCell="A19" zoomScaleNormal="100" zoomScaleSheetLayoutView="100" zoomScalePageLayoutView="90" workbookViewId="0">
      <selection activeCell="AP12" sqref="AP12"/>
    </sheetView>
  </sheetViews>
  <sheetFormatPr defaultColWidth="8.09765625" defaultRowHeight="13.2"/>
  <cols>
    <col min="1" max="54" width="2.09765625" style="466" customWidth="1"/>
    <col min="55" max="83" width="2.3984375" style="466" customWidth="1"/>
    <col min="84" max="16384" width="8.09765625" style="466"/>
  </cols>
  <sheetData>
    <row r="1" spans="1:60" ht="36" customHeight="1">
      <c r="A1" s="1756" t="s">
        <v>631</v>
      </c>
      <c r="B1" s="1756"/>
      <c r="C1" s="1756"/>
      <c r="D1" s="1756"/>
      <c r="E1" s="1756"/>
      <c r="F1" s="1756"/>
      <c r="G1" s="1756"/>
      <c r="H1" s="1756"/>
      <c r="I1" s="1756"/>
      <c r="J1" s="1756"/>
      <c r="K1" s="1756"/>
      <c r="L1" s="1756"/>
      <c r="M1" s="1756"/>
      <c r="N1" s="1756"/>
      <c r="O1" s="1756"/>
      <c r="P1" s="1756"/>
      <c r="Q1" s="1756"/>
      <c r="R1" s="1756"/>
      <c r="S1" s="1756"/>
      <c r="T1" s="1756"/>
      <c r="U1" s="1756"/>
      <c r="V1" s="1756"/>
      <c r="W1" s="1756"/>
      <c r="X1" s="1756"/>
      <c r="Y1" s="1756"/>
      <c r="Z1" s="1756"/>
      <c r="AA1" s="1756"/>
      <c r="AB1" s="1756"/>
      <c r="AC1" s="1756"/>
      <c r="AD1" s="1756"/>
      <c r="AE1" s="1756"/>
      <c r="AF1" s="1756"/>
      <c r="AG1" s="1756"/>
      <c r="AH1" s="1756"/>
      <c r="AI1" s="1756"/>
      <c r="AJ1" s="1756"/>
      <c r="AK1" s="1756"/>
      <c r="AL1" s="1756"/>
      <c r="AM1" s="1756"/>
      <c r="AN1" s="1756"/>
      <c r="AO1" s="1756"/>
      <c r="AP1" s="1756"/>
      <c r="AQ1" s="1756"/>
      <c r="AR1" s="1756"/>
      <c r="AS1" s="468"/>
      <c r="AT1" s="468"/>
      <c r="AU1" s="468"/>
      <c r="AV1" s="468"/>
      <c r="AW1" s="468"/>
      <c r="AX1" s="468"/>
      <c r="AY1" s="468"/>
      <c r="AZ1" s="468"/>
      <c r="BA1" s="468"/>
      <c r="BB1" s="468"/>
      <c r="BC1" s="468"/>
      <c r="BD1" s="468"/>
      <c r="BE1" s="468"/>
      <c r="BF1" s="468"/>
      <c r="BG1" s="468"/>
      <c r="BH1" s="468"/>
    </row>
    <row r="2" spans="1:60" ht="18.75" customHeight="1" thickBot="1">
      <c r="A2" s="466" t="s">
        <v>632</v>
      </c>
    </row>
    <row r="3" spans="1:60" ht="30" customHeight="1" thickBot="1">
      <c r="A3" s="1796" t="s">
        <v>633</v>
      </c>
      <c r="B3" s="1759"/>
      <c r="C3" s="1759"/>
      <c r="D3" s="1759"/>
      <c r="E3" s="1759"/>
      <c r="F3" s="1759"/>
      <c r="G3" s="1759"/>
      <c r="H3" s="1759"/>
      <c r="I3" s="1759"/>
      <c r="J3" s="1759"/>
      <c r="K3" s="1759" t="s">
        <v>634</v>
      </c>
      <c r="L3" s="1759"/>
      <c r="M3" s="1759"/>
      <c r="N3" s="1759"/>
      <c r="O3" s="1759" t="s">
        <v>635</v>
      </c>
      <c r="P3" s="1759"/>
      <c r="Q3" s="1759"/>
      <c r="R3" s="1793"/>
      <c r="S3" s="1796" t="s">
        <v>636</v>
      </c>
      <c r="T3" s="1759"/>
      <c r="U3" s="1759"/>
      <c r="V3" s="1759"/>
      <c r="W3" s="1759"/>
      <c r="X3" s="1759"/>
      <c r="Y3" s="1759"/>
      <c r="Z3" s="1759"/>
      <c r="AA3" s="1759"/>
      <c r="AB3" s="1759"/>
      <c r="AC3" s="1759" t="s">
        <v>634</v>
      </c>
      <c r="AD3" s="1759"/>
      <c r="AE3" s="1759"/>
      <c r="AF3" s="1759"/>
      <c r="AG3" s="1759" t="s">
        <v>635</v>
      </c>
      <c r="AH3" s="1759"/>
      <c r="AI3" s="1759"/>
      <c r="AJ3" s="1760"/>
    </row>
    <row r="4" spans="1:60" ht="15" customHeight="1" thickTop="1">
      <c r="A4" s="1761" t="s">
        <v>637</v>
      </c>
      <c r="B4" s="1762"/>
      <c r="C4" s="1762"/>
      <c r="D4" s="1762"/>
      <c r="E4" s="1762"/>
      <c r="F4" s="1762"/>
      <c r="G4" s="1762"/>
      <c r="H4" s="1762"/>
      <c r="I4" s="1762"/>
      <c r="J4" s="1762"/>
      <c r="K4" s="1838" t="s">
        <v>638</v>
      </c>
      <c r="L4" s="1838"/>
      <c r="M4" s="1838"/>
      <c r="N4" s="1838"/>
      <c r="O4" s="1386" t="s">
        <v>639</v>
      </c>
      <c r="P4" s="1386"/>
      <c r="Q4" s="1386"/>
      <c r="R4" s="1235"/>
      <c r="S4" s="1761" t="s">
        <v>640</v>
      </c>
      <c r="T4" s="1762"/>
      <c r="U4" s="1762"/>
      <c r="V4" s="1762"/>
      <c r="W4" s="1762"/>
      <c r="X4" s="1762"/>
      <c r="Y4" s="1762"/>
      <c r="Z4" s="1762"/>
      <c r="AA4" s="1762"/>
      <c r="AB4" s="1762"/>
      <c r="AC4" s="1838" t="s">
        <v>641</v>
      </c>
      <c r="AD4" s="1838"/>
      <c r="AE4" s="1838"/>
      <c r="AF4" s="1838"/>
      <c r="AG4" s="1386" t="s">
        <v>398</v>
      </c>
      <c r="AH4" s="1386"/>
      <c r="AI4" s="1386"/>
      <c r="AJ4" s="1763"/>
    </row>
    <row r="5" spans="1:60" ht="15" customHeight="1">
      <c r="A5" s="1764" t="s">
        <v>642</v>
      </c>
      <c r="B5" s="1765"/>
      <c r="C5" s="1765"/>
      <c r="D5" s="1765"/>
      <c r="E5" s="1765"/>
      <c r="F5" s="1765"/>
      <c r="G5" s="1765"/>
      <c r="H5" s="1765"/>
      <c r="I5" s="1765"/>
      <c r="J5" s="1765"/>
      <c r="K5" s="1811" t="s">
        <v>643</v>
      </c>
      <c r="L5" s="1811"/>
      <c r="M5" s="1811"/>
      <c r="N5" s="1811"/>
      <c r="O5" s="1766" t="s">
        <v>639</v>
      </c>
      <c r="P5" s="1766"/>
      <c r="Q5" s="1766"/>
      <c r="R5" s="1749"/>
      <c r="S5" s="1819" t="s">
        <v>644</v>
      </c>
      <c r="T5" s="1839"/>
      <c r="U5" s="1839"/>
      <c r="V5" s="1839"/>
      <c r="W5" s="1839"/>
      <c r="X5" s="1839"/>
      <c r="Y5" s="1839"/>
      <c r="Z5" s="1839"/>
      <c r="AA5" s="1839"/>
      <c r="AB5" s="1840"/>
      <c r="AC5" s="1744" t="s">
        <v>645</v>
      </c>
      <c r="AD5" s="1841"/>
      <c r="AE5" s="1841"/>
      <c r="AF5" s="1842"/>
      <c r="AG5" s="1749" t="s">
        <v>398</v>
      </c>
      <c r="AH5" s="1750"/>
      <c r="AI5" s="1750"/>
      <c r="AJ5" s="1751"/>
    </row>
    <row r="6" spans="1:60" ht="15" customHeight="1">
      <c r="A6" s="1764" t="s">
        <v>646</v>
      </c>
      <c r="B6" s="1765"/>
      <c r="C6" s="1765"/>
      <c r="D6" s="1765"/>
      <c r="E6" s="1765"/>
      <c r="F6" s="1765"/>
      <c r="G6" s="1765"/>
      <c r="H6" s="1765"/>
      <c r="I6" s="1765"/>
      <c r="J6" s="1765"/>
      <c r="K6" s="1811" t="s">
        <v>647</v>
      </c>
      <c r="L6" s="1811"/>
      <c r="M6" s="1811"/>
      <c r="N6" s="1811"/>
      <c r="O6" s="1766" t="s">
        <v>639</v>
      </c>
      <c r="P6" s="1766"/>
      <c r="Q6" s="1766"/>
      <c r="R6" s="1749"/>
      <c r="S6" s="1819" t="s">
        <v>648</v>
      </c>
      <c r="T6" s="1839"/>
      <c r="U6" s="1839"/>
      <c r="V6" s="1839"/>
      <c r="W6" s="1839"/>
      <c r="X6" s="1839"/>
      <c r="Y6" s="1839"/>
      <c r="Z6" s="1839"/>
      <c r="AA6" s="1839"/>
      <c r="AB6" s="1840"/>
      <c r="AC6" s="1744" t="s">
        <v>649</v>
      </c>
      <c r="AD6" s="1841"/>
      <c r="AE6" s="1841"/>
      <c r="AF6" s="1842"/>
      <c r="AG6" s="1749" t="s">
        <v>639</v>
      </c>
      <c r="AH6" s="1750"/>
      <c r="AI6" s="1750"/>
      <c r="AJ6" s="1751"/>
    </row>
    <row r="7" spans="1:60" ht="15" customHeight="1">
      <c r="A7" s="1761" t="s">
        <v>650</v>
      </c>
      <c r="B7" s="1762"/>
      <c r="C7" s="1762"/>
      <c r="D7" s="1762"/>
      <c r="E7" s="1762"/>
      <c r="F7" s="1762"/>
      <c r="G7" s="1762"/>
      <c r="H7" s="1762"/>
      <c r="I7" s="1762"/>
      <c r="J7" s="1762"/>
      <c r="K7" s="1838" t="s">
        <v>651</v>
      </c>
      <c r="L7" s="1838"/>
      <c r="M7" s="1838"/>
      <c r="N7" s="1838"/>
      <c r="O7" s="1386" t="s">
        <v>398</v>
      </c>
      <c r="P7" s="1386"/>
      <c r="Q7" s="1386"/>
      <c r="R7" s="1235"/>
      <c r="S7" s="1819" t="s">
        <v>652</v>
      </c>
      <c r="T7" s="1839"/>
      <c r="U7" s="1839"/>
      <c r="V7" s="1839"/>
      <c r="W7" s="1839"/>
      <c r="X7" s="1839"/>
      <c r="Y7" s="1839"/>
      <c r="Z7" s="1839"/>
      <c r="AA7" s="1839"/>
      <c r="AB7" s="1840"/>
      <c r="AC7" s="1744" t="s">
        <v>653</v>
      </c>
      <c r="AD7" s="1841"/>
      <c r="AE7" s="1841"/>
      <c r="AF7" s="1842"/>
      <c r="AG7" s="1749" t="s">
        <v>639</v>
      </c>
      <c r="AH7" s="1750"/>
      <c r="AI7" s="1750"/>
      <c r="AJ7" s="1751"/>
    </row>
    <row r="8" spans="1:60" ht="15" customHeight="1">
      <c r="A8" s="1764" t="s">
        <v>654</v>
      </c>
      <c r="B8" s="1765"/>
      <c r="C8" s="1765"/>
      <c r="D8" s="1765"/>
      <c r="E8" s="1765"/>
      <c r="F8" s="1765"/>
      <c r="G8" s="1765"/>
      <c r="H8" s="1765"/>
      <c r="I8" s="1765"/>
      <c r="J8" s="1765"/>
      <c r="K8" s="1811" t="s">
        <v>655</v>
      </c>
      <c r="L8" s="1811"/>
      <c r="M8" s="1811"/>
      <c r="N8" s="1811"/>
      <c r="O8" s="1766" t="s">
        <v>398</v>
      </c>
      <c r="P8" s="1766"/>
      <c r="Q8" s="1766"/>
      <c r="R8" s="1749"/>
      <c r="S8" s="1819" t="s">
        <v>656</v>
      </c>
      <c r="T8" s="1839"/>
      <c r="U8" s="1839"/>
      <c r="V8" s="1839"/>
      <c r="W8" s="1839"/>
      <c r="X8" s="1839"/>
      <c r="Y8" s="1839"/>
      <c r="Z8" s="1839"/>
      <c r="AA8" s="1839"/>
      <c r="AB8" s="1840"/>
      <c r="AC8" s="1744" t="s">
        <v>657</v>
      </c>
      <c r="AD8" s="1841"/>
      <c r="AE8" s="1841"/>
      <c r="AF8" s="1842"/>
      <c r="AG8" s="1749" t="s">
        <v>639</v>
      </c>
      <c r="AH8" s="1750"/>
      <c r="AI8" s="1750"/>
      <c r="AJ8" s="1751"/>
    </row>
    <row r="9" spans="1:60" ht="15" customHeight="1">
      <c r="A9" s="1761" t="s">
        <v>658</v>
      </c>
      <c r="B9" s="1762"/>
      <c r="C9" s="1762"/>
      <c r="D9" s="1762"/>
      <c r="E9" s="1762"/>
      <c r="F9" s="1762"/>
      <c r="G9" s="1762"/>
      <c r="H9" s="1762"/>
      <c r="I9" s="1762"/>
      <c r="J9" s="1762"/>
      <c r="K9" s="1838" t="s">
        <v>659</v>
      </c>
      <c r="L9" s="1838"/>
      <c r="M9" s="1838"/>
      <c r="N9" s="1838"/>
      <c r="O9" s="1766" t="s">
        <v>398</v>
      </c>
      <c r="P9" s="1766"/>
      <c r="Q9" s="1766"/>
      <c r="R9" s="1749"/>
      <c r="S9" s="1819" t="s">
        <v>660</v>
      </c>
      <c r="T9" s="1839"/>
      <c r="U9" s="1839"/>
      <c r="V9" s="1839"/>
      <c r="W9" s="1839"/>
      <c r="X9" s="1839"/>
      <c r="Y9" s="1839"/>
      <c r="Z9" s="1839"/>
      <c r="AA9" s="1839"/>
      <c r="AB9" s="1840"/>
      <c r="AC9" s="1744" t="s">
        <v>661</v>
      </c>
      <c r="AD9" s="1841"/>
      <c r="AE9" s="1841"/>
      <c r="AF9" s="1842"/>
      <c r="AG9" s="1749" t="s">
        <v>639</v>
      </c>
      <c r="AH9" s="1750"/>
      <c r="AI9" s="1750"/>
      <c r="AJ9" s="1751"/>
    </row>
    <row r="10" spans="1:60" ht="15" customHeight="1">
      <c r="A10" s="1764" t="s">
        <v>662</v>
      </c>
      <c r="B10" s="1765"/>
      <c r="C10" s="1765"/>
      <c r="D10" s="1765"/>
      <c r="E10" s="1765"/>
      <c r="F10" s="1765"/>
      <c r="G10" s="1765"/>
      <c r="H10" s="1765"/>
      <c r="I10" s="1765"/>
      <c r="J10" s="1765"/>
      <c r="K10" s="1811" t="s">
        <v>663</v>
      </c>
      <c r="L10" s="1811"/>
      <c r="M10" s="1811"/>
      <c r="N10" s="1811"/>
      <c r="O10" s="1766" t="s">
        <v>398</v>
      </c>
      <c r="P10" s="1766"/>
      <c r="Q10" s="1766"/>
      <c r="R10" s="1749"/>
      <c r="S10" s="1764" t="s">
        <v>664</v>
      </c>
      <c r="T10" s="1765"/>
      <c r="U10" s="1765"/>
      <c r="V10" s="1765"/>
      <c r="W10" s="1765"/>
      <c r="X10" s="1765"/>
      <c r="Y10" s="1765"/>
      <c r="Z10" s="1765"/>
      <c r="AA10" s="1765"/>
      <c r="AB10" s="1765"/>
      <c r="AC10" s="1811" t="s">
        <v>665</v>
      </c>
      <c r="AD10" s="1811"/>
      <c r="AE10" s="1811"/>
      <c r="AF10" s="1811"/>
      <c r="AG10" s="1749" t="s">
        <v>639</v>
      </c>
      <c r="AH10" s="1750"/>
      <c r="AI10" s="1750"/>
      <c r="AJ10" s="1751"/>
    </row>
    <row r="11" spans="1:60" ht="15" customHeight="1">
      <c r="A11" s="1764" t="s">
        <v>666</v>
      </c>
      <c r="B11" s="1765"/>
      <c r="C11" s="1765"/>
      <c r="D11" s="1765"/>
      <c r="E11" s="1765"/>
      <c r="F11" s="1765"/>
      <c r="G11" s="1765"/>
      <c r="H11" s="1765"/>
      <c r="I11" s="1765"/>
      <c r="J11" s="1765"/>
      <c r="K11" s="1811" t="s">
        <v>667</v>
      </c>
      <c r="L11" s="1811"/>
      <c r="M11" s="1811"/>
      <c r="N11" s="1811"/>
      <c r="O11" s="1766" t="s">
        <v>398</v>
      </c>
      <c r="P11" s="1766"/>
      <c r="Q11" s="1766"/>
      <c r="R11" s="1749"/>
      <c r="S11" s="1764" t="s">
        <v>668</v>
      </c>
      <c r="T11" s="1765"/>
      <c r="U11" s="1765"/>
      <c r="V11" s="1765"/>
      <c r="W11" s="1765"/>
      <c r="X11" s="1765"/>
      <c r="Y11" s="1765"/>
      <c r="Z11" s="1765"/>
      <c r="AA11" s="1765"/>
      <c r="AB11" s="1765"/>
      <c r="AC11" s="1811" t="s">
        <v>669</v>
      </c>
      <c r="AD11" s="1811"/>
      <c r="AE11" s="1811"/>
      <c r="AF11" s="1811"/>
      <c r="AG11" s="1749" t="s">
        <v>639</v>
      </c>
      <c r="AH11" s="1750"/>
      <c r="AI11" s="1750"/>
      <c r="AJ11" s="1751"/>
    </row>
    <row r="12" spans="1:60" ht="15" customHeight="1">
      <c r="A12" s="1764"/>
      <c r="B12" s="1765"/>
      <c r="C12" s="1765"/>
      <c r="D12" s="1765"/>
      <c r="E12" s="1765"/>
      <c r="F12" s="1765"/>
      <c r="G12" s="1765"/>
      <c r="H12" s="1765"/>
      <c r="I12" s="1765"/>
      <c r="J12" s="1765"/>
      <c r="K12" s="1811"/>
      <c r="L12" s="1811"/>
      <c r="M12" s="1811"/>
      <c r="N12" s="1811"/>
      <c r="O12" s="1766"/>
      <c r="P12" s="1766"/>
      <c r="Q12" s="1766"/>
      <c r="R12" s="1749"/>
      <c r="S12" s="1764" t="s">
        <v>670</v>
      </c>
      <c r="T12" s="1765"/>
      <c r="U12" s="1765"/>
      <c r="V12" s="1765"/>
      <c r="W12" s="1765"/>
      <c r="X12" s="1765"/>
      <c r="Y12" s="1765"/>
      <c r="Z12" s="1765"/>
      <c r="AA12" s="1765"/>
      <c r="AB12" s="1765"/>
      <c r="AC12" s="1811" t="s">
        <v>671</v>
      </c>
      <c r="AD12" s="1811"/>
      <c r="AE12" s="1811"/>
      <c r="AF12" s="1811"/>
      <c r="AG12" s="1749" t="s">
        <v>639</v>
      </c>
      <c r="AH12" s="1750"/>
      <c r="AI12" s="1750"/>
      <c r="AJ12" s="1751"/>
    </row>
    <row r="13" spans="1:60" ht="15" customHeight="1">
      <c r="A13" s="1764"/>
      <c r="B13" s="1765"/>
      <c r="C13" s="1765"/>
      <c r="D13" s="1765"/>
      <c r="E13" s="1765"/>
      <c r="F13" s="1765"/>
      <c r="G13" s="1765"/>
      <c r="H13" s="1765"/>
      <c r="I13" s="1765"/>
      <c r="J13" s="1765"/>
      <c r="K13" s="1811"/>
      <c r="L13" s="1811"/>
      <c r="M13" s="1811"/>
      <c r="N13" s="1811"/>
      <c r="O13" s="1766"/>
      <c r="P13" s="1766"/>
      <c r="Q13" s="1766"/>
      <c r="R13" s="1749"/>
      <c r="S13" s="1764" t="s">
        <v>672</v>
      </c>
      <c r="T13" s="1765"/>
      <c r="U13" s="1765"/>
      <c r="V13" s="1765"/>
      <c r="W13" s="1765"/>
      <c r="X13" s="1765"/>
      <c r="Y13" s="1765"/>
      <c r="Z13" s="1765"/>
      <c r="AA13" s="1765"/>
      <c r="AB13" s="1765"/>
      <c r="AC13" s="1811" t="s">
        <v>673</v>
      </c>
      <c r="AD13" s="1811"/>
      <c r="AE13" s="1811"/>
      <c r="AF13" s="1811"/>
      <c r="AG13" s="1749" t="s">
        <v>639</v>
      </c>
      <c r="AH13" s="1750"/>
      <c r="AI13" s="1750"/>
      <c r="AJ13" s="1751"/>
    </row>
    <row r="14" spans="1:60" ht="15" customHeight="1" thickBot="1">
      <c r="A14" s="1752"/>
      <c r="B14" s="1753"/>
      <c r="C14" s="1753"/>
      <c r="D14" s="1753"/>
      <c r="E14" s="1753"/>
      <c r="F14" s="1753"/>
      <c r="G14" s="1753"/>
      <c r="H14" s="1753"/>
      <c r="I14" s="1753"/>
      <c r="J14" s="1753"/>
      <c r="K14" s="1747"/>
      <c r="L14" s="1747"/>
      <c r="M14" s="1747"/>
      <c r="N14" s="1747"/>
      <c r="O14" s="1754"/>
      <c r="P14" s="1754"/>
      <c r="Q14" s="1754"/>
      <c r="R14" s="1800"/>
      <c r="S14" s="1752"/>
      <c r="T14" s="1753"/>
      <c r="U14" s="1753"/>
      <c r="V14" s="1753"/>
      <c r="W14" s="1753"/>
      <c r="X14" s="1753"/>
      <c r="Y14" s="1753"/>
      <c r="Z14" s="1753"/>
      <c r="AA14" s="1753"/>
      <c r="AB14" s="1753"/>
      <c r="AC14" s="1747"/>
      <c r="AD14" s="1747"/>
      <c r="AE14" s="1747"/>
      <c r="AF14" s="1747"/>
      <c r="AG14" s="1754"/>
      <c r="AH14" s="1754"/>
      <c r="AI14" s="1754"/>
      <c r="AJ14" s="1755"/>
    </row>
    <row r="16" spans="1:60" ht="19.5" customHeight="1" thickBot="1">
      <c r="A16" s="466" t="s">
        <v>674</v>
      </c>
    </row>
    <row r="17" spans="1:36" ht="13.8" thickBot="1">
      <c r="A17" s="1796" t="s">
        <v>675</v>
      </c>
      <c r="B17" s="1759"/>
      <c r="C17" s="1759"/>
      <c r="D17" s="1759"/>
      <c r="E17" s="1759"/>
      <c r="F17" s="1759"/>
      <c r="G17" s="1759"/>
      <c r="H17" s="1759"/>
      <c r="I17" s="1759" t="s">
        <v>676</v>
      </c>
      <c r="J17" s="1759"/>
      <c r="K17" s="1759"/>
      <c r="L17" s="1759"/>
      <c r="M17" s="1759"/>
      <c r="N17" s="1759"/>
      <c r="O17" s="1759"/>
      <c r="P17" s="1759"/>
      <c r="Q17" s="1759"/>
      <c r="R17" s="1759"/>
      <c r="S17" s="1759" t="s">
        <v>634</v>
      </c>
      <c r="T17" s="1759"/>
      <c r="U17" s="1759"/>
      <c r="V17" s="1760"/>
      <c r="Y17" s="1796" t="s">
        <v>677</v>
      </c>
      <c r="Z17" s="1759"/>
      <c r="AA17" s="1759"/>
      <c r="AB17" s="1759"/>
      <c r="AC17" s="1759"/>
      <c r="AD17" s="1759"/>
      <c r="AE17" s="1759"/>
      <c r="AF17" s="1759"/>
      <c r="AG17" s="1822" t="s">
        <v>634</v>
      </c>
      <c r="AH17" s="1822"/>
      <c r="AI17" s="1822"/>
      <c r="AJ17" s="1823"/>
    </row>
    <row r="18" spans="1:36" ht="13.8" thickTop="1">
      <c r="A18" s="1824" t="s">
        <v>678</v>
      </c>
      <c r="B18" s="1825"/>
      <c r="C18" s="1825"/>
      <c r="D18" s="1825"/>
      <c r="E18" s="1825"/>
      <c r="F18" s="1825"/>
      <c r="G18" s="1825"/>
      <c r="H18" s="1826"/>
      <c r="I18" s="1833" t="s">
        <v>679</v>
      </c>
      <c r="J18" s="1833"/>
      <c r="K18" s="1833"/>
      <c r="L18" s="1833"/>
      <c r="M18" s="1833"/>
      <c r="N18" s="1833"/>
      <c r="O18" s="1833"/>
      <c r="P18" s="1833"/>
      <c r="Q18" s="1833"/>
      <c r="R18" s="1833"/>
      <c r="S18" s="1834" t="s">
        <v>638</v>
      </c>
      <c r="T18" s="1834"/>
      <c r="U18" s="1834"/>
      <c r="V18" s="1835"/>
      <c r="Y18" s="1781" t="s">
        <v>680</v>
      </c>
      <c r="Z18" s="1782"/>
      <c r="AA18" s="1782"/>
      <c r="AB18" s="1782"/>
      <c r="AC18" s="1782"/>
      <c r="AD18" s="1782"/>
      <c r="AE18" s="1782"/>
      <c r="AF18" s="1782"/>
      <c r="AG18" s="1836" t="s">
        <v>647</v>
      </c>
      <c r="AH18" s="1836"/>
      <c r="AI18" s="1836"/>
      <c r="AJ18" s="1837"/>
    </row>
    <row r="19" spans="1:36">
      <c r="A19" s="1827"/>
      <c r="B19" s="1828"/>
      <c r="C19" s="1828"/>
      <c r="D19" s="1828"/>
      <c r="E19" s="1828"/>
      <c r="F19" s="1828"/>
      <c r="G19" s="1828"/>
      <c r="H19" s="1829"/>
      <c r="I19" s="1765" t="s">
        <v>681</v>
      </c>
      <c r="J19" s="1765"/>
      <c r="K19" s="1765"/>
      <c r="L19" s="1765"/>
      <c r="M19" s="1765"/>
      <c r="N19" s="1765"/>
      <c r="O19" s="1765"/>
      <c r="P19" s="1765"/>
      <c r="Q19" s="1765"/>
      <c r="R19" s="1765"/>
      <c r="S19" s="1811" t="s">
        <v>643</v>
      </c>
      <c r="T19" s="1811"/>
      <c r="U19" s="1811"/>
      <c r="V19" s="1812"/>
      <c r="Y19" s="1764" t="s">
        <v>682</v>
      </c>
      <c r="Z19" s="1765"/>
      <c r="AA19" s="1765"/>
      <c r="AB19" s="1765"/>
      <c r="AC19" s="1765"/>
      <c r="AD19" s="1765"/>
      <c r="AE19" s="1765"/>
      <c r="AF19" s="1765"/>
      <c r="AG19" s="1811" t="s">
        <v>651</v>
      </c>
      <c r="AH19" s="1811"/>
      <c r="AI19" s="1811"/>
      <c r="AJ19" s="1812"/>
    </row>
    <row r="20" spans="1:36">
      <c r="A20" s="1830"/>
      <c r="B20" s="1831"/>
      <c r="C20" s="1831"/>
      <c r="D20" s="1831"/>
      <c r="E20" s="1831"/>
      <c r="F20" s="1831"/>
      <c r="G20" s="1831"/>
      <c r="H20" s="1832"/>
      <c r="I20" s="1813" t="s">
        <v>683</v>
      </c>
      <c r="J20" s="1813"/>
      <c r="K20" s="1813"/>
      <c r="L20" s="1813"/>
      <c r="M20" s="1813"/>
      <c r="N20" s="1813"/>
      <c r="O20" s="1813"/>
      <c r="P20" s="1813"/>
      <c r="Q20" s="1813"/>
      <c r="R20" s="1813"/>
      <c r="S20" s="1814" t="s">
        <v>684</v>
      </c>
      <c r="T20" s="1814"/>
      <c r="U20" s="1814"/>
      <c r="V20" s="1815"/>
      <c r="Y20" s="1764" t="s">
        <v>685</v>
      </c>
      <c r="Z20" s="1765"/>
      <c r="AA20" s="1765"/>
      <c r="AB20" s="1765"/>
      <c r="AC20" s="1765"/>
      <c r="AD20" s="1765"/>
      <c r="AE20" s="1765"/>
      <c r="AF20" s="1765"/>
      <c r="AG20" s="1811" t="s">
        <v>686</v>
      </c>
      <c r="AH20" s="1811"/>
      <c r="AI20" s="1811"/>
      <c r="AJ20" s="1812"/>
    </row>
    <row r="21" spans="1:36">
      <c r="A21" s="1807" t="s">
        <v>654</v>
      </c>
      <c r="B21" s="1808"/>
      <c r="C21" s="1808"/>
      <c r="D21" s="1808"/>
      <c r="E21" s="1808"/>
      <c r="F21" s="1808"/>
      <c r="G21" s="1808"/>
      <c r="H21" s="1808"/>
      <c r="I21" s="1808" t="s">
        <v>687</v>
      </c>
      <c r="J21" s="1808"/>
      <c r="K21" s="1808"/>
      <c r="L21" s="1808"/>
      <c r="M21" s="1808"/>
      <c r="N21" s="1808"/>
      <c r="O21" s="1808"/>
      <c r="P21" s="1808"/>
      <c r="Q21" s="1808"/>
      <c r="R21" s="1808"/>
      <c r="S21" s="1809" t="s">
        <v>688</v>
      </c>
      <c r="T21" s="1809"/>
      <c r="U21" s="1809"/>
      <c r="V21" s="1810"/>
      <c r="Y21" s="1764" t="s">
        <v>689</v>
      </c>
      <c r="Z21" s="1765"/>
      <c r="AA21" s="1765"/>
      <c r="AB21" s="1765"/>
      <c r="AC21" s="1765"/>
      <c r="AD21" s="1765"/>
      <c r="AE21" s="1765"/>
      <c r="AF21" s="1765"/>
      <c r="AG21" s="1811" t="s">
        <v>690</v>
      </c>
      <c r="AH21" s="1811"/>
      <c r="AI21" s="1811"/>
      <c r="AJ21" s="1812"/>
    </row>
    <row r="22" spans="1:36" ht="14.4">
      <c r="A22" s="1807" t="s">
        <v>691</v>
      </c>
      <c r="B22" s="1808"/>
      <c r="C22" s="1808"/>
      <c r="D22" s="1808"/>
      <c r="E22" s="1808"/>
      <c r="F22" s="1808"/>
      <c r="G22" s="1808"/>
      <c r="H22" s="1808"/>
      <c r="I22" s="1816" t="s">
        <v>692</v>
      </c>
      <c r="J22" s="1816"/>
      <c r="K22" s="1816"/>
      <c r="L22" s="1816"/>
      <c r="M22" s="1816"/>
      <c r="N22" s="1816"/>
      <c r="O22" s="1816"/>
      <c r="P22" s="1816"/>
      <c r="Q22" s="1816"/>
      <c r="R22" s="1816"/>
      <c r="S22" s="1817" t="s">
        <v>665</v>
      </c>
      <c r="T22" s="1817"/>
      <c r="U22" s="1817"/>
      <c r="V22" s="1818"/>
      <c r="Y22" s="1819" t="s">
        <v>693</v>
      </c>
      <c r="Z22" s="1820"/>
      <c r="AA22" s="1820"/>
      <c r="AB22" s="1820"/>
      <c r="AC22" s="1820"/>
      <c r="AD22" s="1820"/>
      <c r="AE22" s="1820"/>
      <c r="AF22" s="1821"/>
      <c r="AG22" s="1744" t="s">
        <v>694</v>
      </c>
      <c r="AH22" s="1745"/>
      <c r="AI22" s="1745"/>
      <c r="AJ22" s="1746"/>
    </row>
    <row r="23" spans="1:36">
      <c r="A23" s="1807"/>
      <c r="B23" s="1808"/>
      <c r="C23" s="1808"/>
      <c r="D23" s="1808"/>
      <c r="E23" s="1808"/>
      <c r="F23" s="1808"/>
      <c r="G23" s="1808"/>
      <c r="H23" s="1808"/>
      <c r="I23" s="1765" t="s">
        <v>695</v>
      </c>
      <c r="J23" s="1765"/>
      <c r="K23" s="1765"/>
      <c r="L23" s="1765"/>
      <c r="M23" s="1765"/>
      <c r="N23" s="1765"/>
      <c r="O23" s="1765"/>
      <c r="P23" s="1765"/>
      <c r="Q23" s="1765"/>
      <c r="R23" s="1765"/>
      <c r="S23" s="1811" t="s">
        <v>669</v>
      </c>
      <c r="T23" s="1811"/>
      <c r="U23" s="1811"/>
      <c r="V23" s="1812"/>
      <c r="Y23" s="1764" t="s">
        <v>696</v>
      </c>
      <c r="Z23" s="1765"/>
      <c r="AA23" s="1765"/>
      <c r="AB23" s="1765"/>
      <c r="AC23" s="1765"/>
      <c r="AD23" s="1765"/>
      <c r="AE23" s="1765"/>
      <c r="AF23" s="1765"/>
      <c r="AG23" s="1811" t="s">
        <v>649</v>
      </c>
      <c r="AH23" s="1811"/>
      <c r="AI23" s="1811"/>
      <c r="AJ23" s="1812"/>
    </row>
    <row r="24" spans="1:36">
      <c r="A24" s="1807"/>
      <c r="B24" s="1808"/>
      <c r="C24" s="1808"/>
      <c r="D24" s="1808"/>
      <c r="E24" s="1808"/>
      <c r="F24" s="1808"/>
      <c r="G24" s="1808"/>
      <c r="H24" s="1808"/>
      <c r="I24" s="1813" t="s">
        <v>697</v>
      </c>
      <c r="J24" s="1813"/>
      <c r="K24" s="1813"/>
      <c r="L24" s="1813"/>
      <c r="M24" s="1813"/>
      <c r="N24" s="1813"/>
      <c r="O24" s="1813"/>
      <c r="P24" s="1813"/>
      <c r="Q24" s="1813"/>
      <c r="R24" s="1813"/>
      <c r="S24" s="1814" t="s">
        <v>671</v>
      </c>
      <c r="T24" s="1814"/>
      <c r="U24" s="1814"/>
      <c r="V24" s="1815"/>
      <c r="Y24" s="1764" t="s">
        <v>698</v>
      </c>
      <c r="Z24" s="1765"/>
      <c r="AA24" s="1765"/>
      <c r="AB24" s="1765"/>
      <c r="AC24" s="1765"/>
      <c r="AD24" s="1765"/>
      <c r="AE24" s="1765"/>
      <c r="AF24" s="1765"/>
      <c r="AG24" s="1811" t="s">
        <v>699</v>
      </c>
      <c r="AH24" s="1811"/>
      <c r="AI24" s="1811"/>
      <c r="AJ24" s="1812"/>
    </row>
    <row r="25" spans="1:36" ht="14.4">
      <c r="A25" s="1807" t="s">
        <v>700</v>
      </c>
      <c r="B25" s="1808"/>
      <c r="C25" s="1808"/>
      <c r="D25" s="1808"/>
      <c r="E25" s="1808"/>
      <c r="F25" s="1808"/>
      <c r="G25" s="1808"/>
      <c r="H25" s="1808"/>
      <c r="I25" s="1808" t="s">
        <v>700</v>
      </c>
      <c r="J25" s="1808"/>
      <c r="K25" s="1808"/>
      <c r="L25" s="1808"/>
      <c r="M25" s="1808"/>
      <c r="N25" s="1808"/>
      <c r="O25" s="1808"/>
      <c r="P25" s="1808"/>
      <c r="Q25" s="1808"/>
      <c r="R25" s="1808"/>
      <c r="S25" s="1809" t="s">
        <v>673</v>
      </c>
      <c r="T25" s="1809"/>
      <c r="U25" s="1809"/>
      <c r="V25" s="1810"/>
      <c r="Y25" s="1764" t="s">
        <v>701</v>
      </c>
      <c r="Z25" s="1765"/>
      <c r="AA25" s="1765"/>
      <c r="AB25" s="1765"/>
      <c r="AC25" s="1765"/>
      <c r="AD25" s="1765"/>
      <c r="AE25" s="1765"/>
      <c r="AF25" s="1765"/>
      <c r="AG25" s="1744" t="s">
        <v>702</v>
      </c>
      <c r="AH25" s="1745"/>
      <c r="AI25" s="1745"/>
      <c r="AJ25" s="1746"/>
    </row>
    <row r="26" spans="1:36" ht="13.8" thickBot="1">
      <c r="A26" s="1752" t="s">
        <v>703</v>
      </c>
      <c r="B26" s="1753"/>
      <c r="C26" s="1753"/>
      <c r="D26" s="1753"/>
      <c r="E26" s="1753"/>
      <c r="F26" s="1753"/>
      <c r="G26" s="1753"/>
      <c r="H26" s="1753"/>
      <c r="I26" s="1753" t="s">
        <v>704</v>
      </c>
      <c r="J26" s="1753"/>
      <c r="K26" s="1753"/>
      <c r="L26" s="1753"/>
      <c r="M26" s="1753"/>
      <c r="N26" s="1753"/>
      <c r="O26" s="1753"/>
      <c r="P26" s="1753"/>
      <c r="Q26" s="1753"/>
      <c r="R26" s="1753"/>
      <c r="S26" s="1747" t="s">
        <v>705</v>
      </c>
      <c r="T26" s="1747"/>
      <c r="U26" s="1747"/>
      <c r="V26" s="1748"/>
      <c r="Y26" s="1752" t="s">
        <v>706</v>
      </c>
      <c r="Z26" s="1753"/>
      <c r="AA26" s="1753"/>
      <c r="AB26" s="1753"/>
      <c r="AC26" s="1753"/>
      <c r="AD26" s="1753"/>
      <c r="AE26" s="1753"/>
      <c r="AF26" s="1753"/>
      <c r="AG26" s="1747" t="s">
        <v>707</v>
      </c>
      <c r="AH26" s="1747"/>
      <c r="AI26" s="1747"/>
      <c r="AJ26" s="1748"/>
    </row>
    <row r="27" spans="1:36">
      <c r="A27" s="76"/>
      <c r="B27" s="76"/>
      <c r="C27" s="76"/>
      <c r="D27" s="76"/>
      <c r="E27" s="76"/>
      <c r="F27" s="76"/>
      <c r="G27" s="76"/>
      <c r="H27" s="76"/>
      <c r="I27" s="76"/>
      <c r="J27" s="76"/>
      <c r="K27" s="76"/>
      <c r="L27" s="76"/>
      <c r="M27" s="76"/>
      <c r="N27" s="76"/>
      <c r="O27" s="76"/>
      <c r="P27" s="76"/>
      <c r="Q27" s="76"/>
      <c r="R27" s="76"/>
      <c r="Y27" s="76"/>
      <c r="Z27" s="76"/>
      <c r="AA27" s="76"/>
      <c r="AB27" s="76"/>
      <c r="AC27" s="76"/>
      <c r="AD27" s="76"/>
      <c r="AE27" s="76"/>
      <c r="AF27" s="76"/>
      <c r="AG27" s="76"/>
      <c r="AH27" s="76"/>
      <c r="AI27" s="76"/>
      <c r="AJ27" s="76"/>
    </row>
    <row r="28" spans="1:36" ht="19.5" customHeight="1" thickBot="1">
      <c r="A28" s="466" t="s">
        <v>708</v>
      </c>
      <c r="W28" s="466" t="s">
        <v>709</v>
      </c>
    </row>
    <row r="29" spans="1:36" ht="15" thickBot="1">
      <c r="A29" s="1757"/>
      <c r="B29" s="1758"/>
      <c r="C29" s="1758"/>
      <c r="D29" s="1758"/>
      <c r="E29" s="1758"/>
      <c r="F29" s="1758"/>
      <c r="G29" s="1758"/>
      <c r="H29" s="1758"/>
      <c r="I29" s="1758"/>
      <c r="J29" s="1758"/>
      <c r="K29" s="1758"/>
      <c r="L29" s="1758"/>
      <c r="M29" s="1758"/>
      <c r="N29" s="1758"/>
      <c r="O29" s="1758"/>
      <c r="P29" s="1758"/>
      <c r="Q29" s="1793" t="s">
        <v>634</v>
      </c>
      <c r="R29" s="1791"/>
      <c r="S29" s="1791"/>
      <c r="T29" s="1803"/>
      <c r="U29" s="76"/>
      <c r="W29" s="474"/>
      <c r="X29" s="475"/>
      <c r="Y29" s="475"/>
      <c r="Z29" s="476"/>
      <c r="AA29" s="1793" t="s">
        <v>634</v>
      </c>
      <c r="AB29" s="1791"/>
      <c r="AC29" s="1791"/>
      <c r="AD29" s="1803"/>
    </row>
    <row r="30" spans="1:36" ht="13.8" thickTop="1">
      <c r="A30" s="1761" t="s">
        <v>710</v>
      </c>
      <c r="B30" s="1762"/>
      <c r="C30" s="1762"/>
      <c r="D30" s="1762"/>
      <c r="E30" s="1762"/>
      <c r="F30" s="1762"/>
      <c r="G30" s="1762"/>
      <c r="H30" s="1762"/>
      <c r="I30" s="1762"/>
      <c r="J30" s="1762"/>
      <c r="K30" s="1762"/>
      <c r="L30" s="1762"/>
      <c r="M30" s="1762"/>
      <c r="N30" s="1762"/>
      <c r="O30" s="1762"/>
      <c r="P30" s="1762"/>
      <c r="Q30" s="1235">
        <v>1</v>
      </c>
      <c r="R30" s="1177"/>
      <c r="S30" s="1177"/>
      <c r="T30" s="1804"/>
      <c r="U30" s="76"/>
      <c r="W30" s="477" t="s">
        <v>711</v>
      </c>
      <c r="X30" s="478"/>
      <c r="Y30" s="478"/>
      <c r="Z30" s="479"/>
      <c r="AA30" s="1783">
        <v>1</v>
      </c>
      <c r="AB30" s="1805"/>
      <c r="AC30" s="1805"/>
      <c r="AD30" s="1806"/>
    </row>
    <row r="31" spans="1:36">
      <c r="A31" s="1764" t="s">
        <v>712</v>
      </c>
      <c r="B31" s="1765"/>
      <c r="C31" s="1765"/>
      <c r="D31" s="1765"/>
      <c r="E31" s="1765"/>
      <c r="F31" s="1765"/>
      <c r="G31" s="1765"/>
      <c r="H31" s="1765"/>
      <c r="I31" s="1765"/>
      <c r="J31" s="1765"/>
      <c r="K31" s="1765"/>
      <c r="L31" s="1765"/>
      <c r="M31" s="1765"/>
      <c r="N31" s="1765"/>
      <c r="O31" s="1765"/>
      <c r="P31" s="1765"/>
      <c r="Q31" s="1749">
        <v>2</v>
      </c>
      <c r="R31" s="1750"/>
      <c r="S31" s="1750"/>
      <c r="T31" s="1751"/>
      <c r="U31" s="76"/>
      <c r="W31" s="469" t="s">
        <v>713</v>
      </c>
      <c r="X31" s="470"/>
      <c r="Y31" s="470"/>
      <c r="Z31" s="471"/>
      <c r="AA31" s="1749">
        <v>2</v>
      </c>
      <c r="AB31" s="1750"/>
      <c r="AC31" s="1750"/>
      <c r="AD31" s="1751"/>
    </row>
    <row r="32" spans="1:36" ht="13.8" thickBot="1">
      <c r="A32" s="1752" t="s">
        <v>714</v>
      </c>
      <c r="B32" s="1753"/>
      <c r="C32" s="1753"/>
      <c r="D32" s="1753"/>
      <c r="E32" s="1753"/>
      <c r="F32" s="1753"/>
      <c r="G32" s="1753"/>
      <c r="H32" s="1753"/>
      <c r="I32" s="1753"/>
      <c r="J32" s="1753"/>
      <c r="K32" s="1753"/>
      <c r="L32" s="1753"/>
      <c r="M32" s="1753"/>
      <c r="N32" s="1753"/>
      <c r="O32" s="1753"/>
      <c r="P32" s="1753"/>
      <c r="Q32" s="1800">
        <v>3</v>
      </c>
      <c r="R32" s="1801"/>
      <c r="S32" s="1801"/>
      <c r="T32" s="1802"/>
      <c r="U32" s="76"/>
      <c r="W32" s="480" t="s">
        <v>715</v>
      </c>
      <c r="X32" s="481"/>
      <c r="Y32" s="481"/>
      <c r="Z32" s="482"/>
      <c r="AA32" s="1800">
        <v>3</v>
      </c>
      <c r="AB32" s="1801"/>
      <c r="AC32" s="1801"/>
      <c r="AD32" s="1802"/>
    </row>
    <row r="34" spans="1:38" ht="19.5" customHeight="1" thickBot="1">
      <c r="A34" s="466" t="s">
        <v>716</v>
      </c>
      <c r="W34" s="466" t="s">
        <v>717</v>
      </c>
    </row>
    <row r="35" spans="1:38" ht="15" thickBot="1">
      <c r="A35" s="1757"/>
      <c r="B35" s="1758"/>
      <c r="C35" s="1758"/>
      <c r="D35" s="1758"/>
      <c r="E35" s="1758"/>
      <c r="F35" s="1758"/>
      <c r="G35" s="1758"/>
      <c r="H35" s="1758"/>
      <c r="I35" s="1758"/>
      <c r="J35" s="1758"/>
      <c r="K35" s="1758"/>
      <c r="L35" s="1758"/>
      <c r="M35" s="1758"/>
      <c r="N35" s="1758"/>
      <c r="O35" s="1758"/>
      <c r="P35" s="1758"/>
      <c r="Q35" s="1759" t="s">
        <v>634</v>
      </c>
      <c r="R35" s="1759"/>
      <c r="S35" s="1759"/>
      <c r="T35" s="1760"/>
      <c r="W35" s="474"/>
      <c r="X35" s="475"/>
      <c r="Y35" s="475"/>
      <c r="Z35" s="475"/>
      <c r="AA35" s="475"/>
      <c r="AB35" s="475"/>
      <c r="AC35" s="476"/>
      <c r="AD35" s="1759" t="s">
        <v>634</v>
      </c>
      <c r="AE35" s="1759"/>
      <c r="AF35" s="1759"/>
      <c r="AG35" s="1760"/>
    </row>
    <row r="36" spans="1:38" ht="15" thickTop="1">
      <c r="A36" s="1761" t="s">
        <v>718</v>
      </c>
      <c r="B36" s="1762"/>
      <c r="C36" s="1762"/>
      <c r="D36" s="1762"/>
      <c r="E36" s="1762"/>
      <c r="F36" s="1762"/>
      <c r="G36" s="1762"/>
      <c r="H36" s="1762"/>
      <c r="I36" s="1762"/>
      <c r="J36" s="1762"/>
      <c r="K36" s="1762"/>
      <c r="L36" s="1762"/>
      <c r="M36" s="1762"/>
      <c r="N36" s="1762"/>
      <c r="O36" s="1762"/>
      <c r="P36" s="1762"/>
      <c r="Q36" s="1386">
        <v>1</v>
      </c>
      <c r="R36" s="1386"/>
      <c r="S36" s="1386"/>
      <c r="T36" s="1763"/>
      <c r="W36" s="477" t="s">
        <v>719</v>
      </c>
      <c r="X36" s="483"/>
      <c r="Y36" s="483"/>
      <c r="Z36" s="483"/>
      <c r="AA36" s="483"/>
      <c r="AB36" s="483"/>
      <c r="AC36" s="484"/>
      <c r="AD36" s="1386">
        <v>1</v>
      </c>
      <c r="AE36" s="1386"/>
      <c r="AF36" s="1386"/>
      <c r="AG36" s="1763"/>
    </row>
    <row r="37" spans="1:38" ht="14.4">
      <c r="A37" s="1764" t="s">
        <v>720</v>
      </c>
      <c r="B37" s="1765"/>
      <c r="C37" s="1765"/>
      <c r="D37" s="1765"/>
      <c r="E37" s="1765"/>
      <c r="F37" s="1765"/>
      <c r="G37" s="1765"/>
      <c r="H37" s="1765"/>
      <c r="I37" s="1765"/>
      <c r="J37" s="1765"/>
      <c r="K37" s="1765"/>
      <c r="L37" s="1765"/>
      <c r="M37" s="1765"/>
      <c r="N37" s="1765"/>
      <c r="O37" s="1765"/>
      <c r="P37" s="1765"/>
      <c r="Q37" s="1766">
        <v>2</v>
      </c>
      <c r="R37" s="1766"/>
      <c r="S37" s="1766"/>
      <c r="T37" s="1767"/>
      <c r="W37" s="469" t="s">
        <v>721</v>
      </c>
      <c r="X37" s="472"/>
      <c r="Y37" s="472"/>
      <c r="Z37" s="472"/>
      <c r="AA37" s="472"/>
      <c r="AB37" s="472"/>
      <c r="AC37" s="473"/>
      <c r="AD37" s="1766">
        <v>2</v>
      </c>
      <c r="AE37" s="1766"/>
      <c r="AF37" s="1766"/>
      <c r="AG37" s="1767"/>
    </row>
    <row r="38" spans="1:38" ht="15" thickBot="1">
      <c r="A38" s="1752" t="s">
        <v>722</v>
      </c>
      <c r="B38" s="1753"/>
      <c r="C38" s="1753"/>
      <c r="D38" s="1753"/>
      <c r="E38" s="1753"/>
      <c r="F38" s="1753"/>
      <c r="G38" s="1753"/>
      <c r="H38" s="1753"/>
      <c r="I38" s="1753"/>
      <c r="J38" s="1753"/>
      <c r="K38" s="1753"/>
      <c r="L38" s="1753"/>
      <c r="M38" s="1753"/>
      <c r="N38" s="1753"/>
      <c r="O38" s="1753"/>
      <c r="P38" s="1753"/>
      <c r="Q38" s="1754">
        <v>3</v>
      </c>
      <c r="R38" s="1754"/>
      <c r="S38" s="1754"/>
      <c r="T38" s="1755"/>
      <c r="W38" s="485" t="s">
        <v>723</v>
      </c>
      <c r="X38" s="486"/>
      <c r="Y38" s="486"/>
      <c r="Z38" s="486"/>
      <c r="AA38" s="486"/>
      <c r="AB38" s="486"/>
      <c r="AC38" s="487"/>
      <c r="AD38" s="1754">
        <v>0</v>
      </c>
      <c r="AE38" s="1754"/>
      <c r="AF38" s="1754"/>
      <c r="AG38" s="1755"/>
    </row>
    <row r="40" spans="1:38" ht="19.5" customHeight="1" thickBot="1">
      <c r="A40" s="466" t="s">
        <v>724</v>
      </c>
      <c r="W40" s="466" t="s">
        <v>725</v>
      </c>
      <c r="AF40" s="466" t="s">
        <v>726</v>
      </c>
    </row>
    <row r="41" spans="1:38" ht="15" thickBot="1">
      <c r="A41" s="1797"/>
      <c r="B41" s="1798"/>
      <c r="C41" s="1798"/>
      <c r="D41" s="1798"/>
      <c r="E41" s="1798"/>
      <c r="F41" s="1798"/>
      <c r="G41" s="1798"/>
      <c r="H41" s="1798"/>
      <c r="I41" s="1798"/>
      <c r="J41" s="1798"/>
      <c r="K41" s="1798"/>
      <c r="L41" s="1798"/>
      <c r="M41" s="1798"/>
      <c r="N41" s="1798"/>
      <c r="O41" s="1798"/>
      <c r="P41" s="1799"/>
      <c r="Q41" s="1759" t="s">
        <v>634</v>
      </c>
      <c r="R41" s="1759"/>
      <c r="S41" s="1759"/>
      <c r="T41" s="1760"/>
      <c r="W41" s="1790"/>
      <c r="X41" s="1791"/>
      <c r="Y41" s="1792"/>
      <c r="Z41" s="1793" t="s">
        <v>634</v>
      </c>
      <c r="AA41" s="1794"/>
      <c r="AB41" s="1794"/>
      <c r="AC41" s="1795"/>
      <c r="AF41" s="1796"/>
      <c r="AG41" s="1759"/>
      <c r="AH41" s="1759"/>
      <c r="AI41" s="1759" t="s">
        <v>634</v>
      </c>
      <c r="AJ41" s="1759"/>
      <c r="AK41" s="1759"/>
      <c r="AL41" s="1760"/>
    </row>
    <row r="42" spans="1:38" ht="15" thickTop="1">
      <c r="A42" s="1787" t="s">
        <v>727</v>
      </c>
      <c r="B42" s="1788"/>
      <c r="C42" s="1788"/>
      <c r="D42" s="1788"/>
      <c r="E42" s="1788"/>
      <c r="F42" s="1788"/>
      <c r="G42" s="1788"/>
      <c r="H42" s="1788"/>
      <c r="I42" s="1788"/>
      <c r="J42" s="1788"/>
      <c r="K42" s="1788"/>
      <c r="L42" s="1788"/>
      <c r="M42" s="1788"/>
      <c r="N42" s="1788"/>
      <c r="O42" s="1788"/>
      <c r="P42" s="1789"/>
      <c r="Q42" s="1779">
        <v>1</v>
      </c>
      <c r="R42" s="1779"/>
      <c r="S42" s="1779"/>
      <c r="T42" s="1780"/>
      <c r="W42" s="1781" t="s">
        <v>728</v>
      </c>
      <c r="X42" s="1782"/>
      <c r="Y42" s="1782"/>
      <c r="Z42" s="1783">
        <v>1</v>
      </c>
      <c r="AA42" s="1784"/>
      <c r="AB42" s="1784"/>
      <c r="AC42" s="1785"/>
      <c r="AF42" s="1786" t="s">
        <v>729</v>
      </c>
      <c r="AG42" s="1386"/>
      <c r="AH42" s="1386"/>
      <c r="AI42" s="1386">
        <v>1</v>
      </c>
      <c r="AJ42" s="1386"/>
      <c r="AK42" s="1386"/>
      <c r="AL42" s="1763"/>
    </row>
    <row r="43" spans="1:38" ht="15" thickBot="1">
      <c r="A43" s="1770" t="s">
        <v>730</v>
      </c>
      <c r="B43" s="1771"/>
      <c r="C43" s="1771"/>
      <c r="D43" s="1771"/>
      <c r="E43" s="1771"/>
      <c r="F43" s="1771"/>
      <c r="G43" s="1771"/>
      <c r="H43" s="1771"/>
      <c r="I43" s="1771"/>
      <c r="J43" s="1771"/>
      <c r="K43" s="1771"/>
      <c r="L43" s="1771"/>
      <c r="M43" s="1771"/>
      <c r="N43" s="1771"/>
      <c r="O43" s="1771"/>
      <c r="P43" s="1772"/>
      <c r="Q43" s="1766">
        <v>2</v>
      </c>
      <c r="R43" s="1766"/>
      <c r="S43" s="1766"/>
      <c r="T43" s="1767"/>
      <c r="W43" s="1752" t="s">
        <v>731</v>
      </c>
      <c r="X43" s="1753"/>
      <c r="Y43" s="1753"/>
      <c r="Z43" s="1776">
        <v>2</v>
      </c>
      <c r="AA43" s="1777"/>
      <c r="AB43" s="1777"/>
      <c r="AC43" s="1778"/>
      <c r="AF43" s="1768" t="s">
        <v>732</v>
      </c>
      <c r="AG43" s="1766"/>
      <c r="AH43" s="1766"/>
      <c r="AI43" s="1766">
        <v>3</v>
      </c>
      <c r="AJ43" s="1766"/>
      <c r="AK43" s="1766"/>
      <c r="AL43" s="1767"/>
    </row>
    <row r="44" spans="1:38" ht="14.4" customHeight="1">
      <c r="A44" s="1770" t="s">
        <v>733</v>
      </c>
      <c r="B44" s="1771"/>
      <c r="C44" s="1771"/>
      <c r="D44" s="1771"/>
      <c r="E44" s="1771"/>
      <c r="F44" s="1771"/>
      <c r="G44" s="1771"/>
      <c r="H44" s="1771"/>
      <c r="I44" s="1771"/>
      <c r="J44" s="1771"/>
      <c r="K44" s="1771"/>
      <c r="L44" s="1771"/>
      <c r="M44" s="1771"/>
      <c r="N44" s="1771"/>
      <c r="O44" s="1771"/>
      <c r="P44" s="1772"/>
      <c r="Q44" s="1766">
        <v>3</v>
      </c>
      <c r="R44" s="1766"/>
      <c r="S44" s="1766"/>
      <c r="T44" s="1767"/>
      <c r="AF44" s="1768" t="s">
        <v>734</v>
      </c>
      <c r="AG44" s="1766"/>
      <c r="AH44" s="1766"/>
      <c r="AI44" s="1766">
        <v>5</v>
      </c>
      <c r="AJ44" s="1766"/>
      <c r="AK44" s="1766"/>
      <c r="AL44" s="1767"/>
    </row>
    <row r="45" spans="1:38" ht="14.25" customHeight="1" thickBot="1">
      <c r="A45" s="1773" t="s">
        <v>714</v>
      </c>
      <c r="B45" s="1774"/>
      <c r="C45" s="1774"/>
      <c r="D45" s="1774"/>
      <c r="E45" s="1774"/>
      <c r="F45" s="1774"/>
      <c r="G45" s="1774"/>
      <c r="H45" s="1774"/>
      <c r="I45" s="1774"/>
      <c r="J45" s="1774"/>
      <c r="K45" s="1774"/>
      <c r="L45" s="1774"/>
      <c r="M45" s="1774"/>
      <c r="N45" s="1774"/>
      <c r="O45" s="1774"/>
      <c r="P45" s="1775"/>
      <c r="Q45" s="1754">
        <v>4</v>
      </c>
      <c r="R45" s="1754"/>
      <c r="S45" s="1754"/>
      <c r="T45" s="1755"/>
      <c r="AF45" s="1768" t="s">
        <v>735</v>
      </c>
      <c r="AG45" s="1766"/>
      <c r="AH45" s="1766"/>
      <c r="AI45" s="1766">
        <v>7</v>
      </c>
      <c r="AJ45" s="1766"/>
      <c r="AK45" s="1766"/>
      <c r="AL45" s="1767"/>
    </row>
    <row r="46" spans="1:38" ht="13.8" thickBot="1">
      <c r="AF46" s="1769" t="s">
        <v>736</v>
      </c>
      <c r="AG46" s="1754"/>
      <c r="AH46" s="1754"/>
      <c r="AI46" s="1754">
        <v>9</v>
      </c>
      <c r="AJ46" s="1754"/>
      <c r="AK46" s="1754"/>
      <c r="AL46" s="1755"/>
    </row>
    <row r="47" spans="1:38" ht="14.25" customHeight="1"/>
    <row r="48" spans="1:38" ht="19.5" customHeight="1" thickBot="1">
      <c r="A48" s="466" t="s">
        <v>737</v>
      </c>
    </row>
    <row r="49" spans="1:22" ht="13.8" thickBot="1">
      <c r="A49" s="1757"/>
      <c r="B49" s="1758"/>
      <c r="C49" s="1758"/>
      <c r="D49" s="1758"/>
      <c r="E49" s="1758"/>
      <c r="F49" s="1758"/>
      <c r="G49" s="1758"/>
      <c r="H49" s="1758"/>
      <c r="I49" s="1759" t="s">
        <v>634</v>
      </c>
      <c r="J49" s="1759"/>
      <c r="K49" s="1759"/>
      <c r="L49" s="1760"/>
    </row>
    <row r="50" spans="1:22" ht="13.8" thickTop="1">
      <c r="A50" s="1761" t="s">
        <v>738</v>
      </c>
      <c r="B50" s="1762"/>
      <c r="C50" s="1762"/>
      <c r="D50" s="1762"/>
      <c r="E50" s="1762"/>
      <c r="F50" s="1762"/>
      <c r="G50" s="1762"/>
      <c r="H50" s="1762"/>
      <c r="I50" s="1386">
        <v>1</v>
      </c>
      <c r="J50" s="1386"/>
      <c r="K50" s="1386"/>
      <c r="L50" s="1763"/>
    </row>
    <row r="51" spans="1:22" ht="13.2" customHeight="1">
      <c r="A51" s="1764" t="s">
        <v>739</v>
      </c>
      <c r="B51" s="1765"/>
      <c r="C51" s="1765"/>
      <c r="D51" s="1765"/>
      <c r="E51" s="1765"/>
      <c r="F51" s="1765"/>
      <c r="G51" s="1765"/>
      <c r="H51" s="1765"/>
      <c r="I51" s="1766">
        <v>2</v>
      </c>
      <c r="J51" s="1766"/>
      <c r="K51" s="1766"/>
      <c r="L51" s="1767"/>
      <c r="U51" s="118"/>
      <c r="V51" s="118"/>
    </row>
    <row r="52" spans="1:22" ht="13.8" customHeight="1" thickBot="1">
      <c r="A52" s="1752" t="s">
        <v>383</v>
      </c>
      <c r="B52" s="1753"/>
      <c r="C52" s="1753"/>
      <c r="D52" s="1753"/>
      <c r="E52" s="1753"/>
      <c r="F52" s="1753"/>
      <c r="G52" s="1753"/>
      <c r="H52" s="1753"/>
      <c r="I52" s="1754">
        <v>3</v>
      </c>
      <c r="J52" s="1754"/>
      <c r="K52" s="1754"/>
      <c r="L52" s="1755"/>
      <c r="U52" s="118"/>
      <c r="V52" s="118"/>
    </row>
    <row r="58" spans="1:22">
      <c r="U58" s="881">
        <v>12</v>
      </c>
      <c r="V58" s="881"/>
    </row>
    <row r="59" spans="1:22">
      <c r="U59" s="881"/>
      <c r="V59" s="881"/>
    </row>
  </sheetData>
  <mergeCells count="180">
    <mergeCell ref="U58:V59"/>
    <mergeCell ref="A4:J4"/>
    <mergeCell ref="K4:N4"/>
    <mergeCell ref="O4:R4"/>
    <mergeCell ref="S4:AB4"/>
    <mergeCell ref="AC4:AF4"/>
    <mergeCell ref="AG4:AJ4"/>
    <mergeCell ref="A3:J3"/>
    <mergeCell ref="K3:N3"/>
    <mergeCell ref="O3:R3"/>
    <mergeCell ref="S3:AB3"/>
    <mergeCell ref="AC3:AF3"/>
    <mergeCell ref="AG3:AJ3"/>
    <mergeCell ref="A6:J6"/>
    <mergeCell ref="K6:N6"/>
    <mergeCell ref="O6:R6"/>
    <mergeCell ref="S6:AB6"/>
    <mergeCell ref="AC6:AF6"/>
    <mergeCell ref="AG6:AJ6"/>
    <mergeCell ref="A5:J5"/>
    <mergeCell ref="K5:N5"/>
    <mergeCell ref="O5:R5"/>
    <mergeCell ref="S5:AB5"/>
    <mergeCell ref="AC5:AF5"/>
    <mergeCell ref="A8:J8"/>
    <mergeCell ref="K8:N8"/>
    <mergeCell ref="O8:R8"/>
    <mergeCell ref="S8:AB8"/>
    <mergeCell ref="AC8:AF8"/>
    <mergeCell ref="AG8:AJ8"/>
    <mergeCell ref="A7:J7"/>
    <mergeCell ref="K7:N7"/>
    <mergeCell ref="O7:R7"/>
    <mergeCell ref="S7:AB7"/>
    <mergeCell ref="AC7:AF7"/>
    <mergeCell ref="AG7:AJ7"/>
    <mergeCell ref="A10:J10"/>
    <mergeCell ref="K10:N10"/>
    <mergeCell ref="O10:R10"/>
    <mergeCell ref="S10:AB10"/>
    <mergeCell ref="AC10:AF10"/>
    <mergeCell ref="AG10:AJ10"/>
    <mergeCell ref="A9:J9"/>
    <mergeCell ref="K9:N9"/>
    <mergeCell ref="O9:R9"/>
    <mergeCell ref="S9:AB9"/>
    <mergeCell ref="AC9:AF9"/>
    <mergeCell ref="AG9:AJ9"/>
    <mergeCell ref="A12:J12"/>
    <mergeCell ref="K12:N12"/>
    <mergeCell ref="O12:R12"/>
    <mergeCell ref="S12:AB12"/>
    <mergeCell ref="AC12:AF12"/>
    <mergeCell ref="AG12:AJ12"/>
    <mergeCell ref="A11:J11"/>
    <mergeCell ref="K11:N11"/>
    <mergeCell ref="O11:R11"/>
    <mergeCell ref="S11:AB11"/>
    <mergeCell ref="AC11:AF11"/>
    <mergeCell ref="AG11:AJ11"/>
    <mergeCell ref="A14:J14"/>
    <mergeCell ref="K14:N14"/>
    <mergeCell ref="O14:R14"/>
    <mergeCell ref="S14:AB14"/>
    <mergeCell ref="AC14:AF14"/>
    <mergeCell ref="AG14:AJ14"/>
    <mergeCell ref="A13:J13"/>
    <mergeCell ref="K13:N13"/>
    <mergeCell ref="O13:R13"/>
    <mergeCell ref="S13:AB13"/>
    <mergeCell ref="AC13:AF13"/>
    <mergeCell ref="AG13:AJ13"/>
    <mergeCell ref="I19:R19"/>
    <mergeCell ref="S19:V19"/>
    <mergeCell ref="Y19:AF19"/>
    <mergeCell ref="AG19:AJ19"/>
    <mergeCell ref="I20:R20"/>
    <mergeCell ref="S20:V20"/>
    <mergeCell ref="Y20:AF20"/>
    <mergeCell ref="AG20:AJ20"/>
    <mergeCell ref="A17:H17"/>
    <mergeCell ref="I17:R17"/>
    <mergeCell ref="S17:V17"/>
    <mergeCell ref="Y17:AF17"/>
    <mergeCell ref="AG17:AJ17"/>
    <mergeCell ref="A18:H20"/>
    <mergeCell ref="I18:R18"/>
    <mergeCell ref="S18:V18"/>
    <mergeCell ref="Y18:AF18"/>
    <mergeCell ref="AG18:AJ18"/>
    <mergeCell ref="I23:R23"/>
    <mergeCell ref="S23:V23"/>
    <mergeCell ref="Y23:AF23"/>
    <mergeCell ref="AG23:AJ23"/>
    <mergeCell ref="I24:R24"/>
    <mergeCell ref="S24:V24"/>
    <mergeCell ref="Y24:AF24"/>
    <mergeCell ref="AG24:AJ24"/>
    <mergeCell ref="A21:H21"/>
    <mergeCell ref="I21:R21"/>
    <mergeCell ref="S21:V21"/>
    <mergeCell ref="Y21:AF21"/>
    <mergeCell ref="AG21:AJ21"/>
    <mergeCell ref="A22:H24"/>
    <mergeCell ref="I22:R22"/>
    <mergeCell ref="S22:V22"/>
    <mergeCell ref="Y22:AF22"/>
    <mergeCell ref="AG22:AJ22"/>
    <mergeCell ref="A29:P29"/>
    <mergeCell ref="Q29:T29"/>
    <mergeCell ref="AA29:AD29"/>
    <mergeCell ref="A30:P30"/>
    <mergeCell ref="Q30:T30"/>
    <mergeCell ref="AA30:AD30"/>
    <mergeCell ref="A25:H25"/>
    <mergeCell ref="I25:R25"/>
    <mergeCell ref="S25:V25"/>
    <mergeCell ref="Y25:AF25"/>
    <mergeCell ref="A26:H26"/>
    <mergeCell ref="I26:R26"/>
    <mergeCell ref="S26:V26"/>
    <mergeCell ref="Y26:AF26"/>
    <mergeCell ref="A35:P35"/>
    <mergeCell ref="Q35:T35"/>
    <mergeCell ref="AD35:AG35"/>
    <mergeCell ref="A36:P36"/>
    <mergeCell ref="Q36:T36"/>
    <mergeCell ref="AD36:AG36"/>
    <mergeCell ref="A31:P31"/>
    <mergeCell ref="Q31:T31"/>
    <mergeCell ref="AA31:AD31"/>
    <mergeCell ref="A32:P32"/>
    <mergeCell ref="Q32:T32"/>
    <mergeCell ref="AA32:AD32"/>
    <mergeCell ref="Q41:T41"/>
    <mergeCell ref="W41:Y41"/>
    <mergeCell ref="Z41:AC41"/>
    <mergeCell ref="AF41:AH41"/>
    <mergeCell ref="AI41:AL41"/>
    <mergeCell ref="A41:P41"/>
    <mergeCell ref="A37:P37"/>
    <mergeCell ref="Q37:T37"/>
    <mergeCell ref="AD37:AG37"/>
    <mergeCell ref="A38:P38"/>
    <mergeCell ref="Q38:T38"/>
    <mergeCell ref="AD38:AG38"/>
    <mergeCell ref="Q44:T44"/>
    <mergeCell ref="AF44:AH44"/>
    <mergeCell ref="AI43:AL43"/>
    <mergeCell ref="A43:P43"/>
    <mergeCell ref="Q42:T42"/>
    <mergeCell ref="W42:Y42"/>
    <mergeCell ref="Z42:AC42"/>
    <mergeCell ref="AF42:AH42"/>
    <mergeCell ref="AI42:AL42"/>
    <mergeCell ref="A42:P42"/>
    <mergeCell ref="AG25:AJ25"/>
    <mergeCell ref="AG26:AJ26"/>
    <mergeCell ref="AG5:AJ5"/>
    <mergeCell ref="A52:H52"/>
    <mergeCell ref="I52:L52"/>
    <mergeCell ref="A1:AR1"/>
    <mergeCell ref="A49:H49"/>
    <mergeCell ref="I49:L49"/>
    <mergeCell ref="A50:H50"/>
    <mergeCell ref="I50:L50"/>
    <mergeCell ref="A51:H51"/>
    <mergeCell ref="I51:L51"/>
    <mergeCell ref="AI44:AL44"/>
    <mergeCell ref="Q45:T45"/>
    <mergeCell ref="AF45:AH45"/>
    <mergeCell ref="AI45:AL45"/>
    <mergeCell ref="AF46:AH46"/>
    <mergeCell ref="AI46:AL46"/>
    <mergeCell ref="A44:P44"/>
    <mergeCell ref="A45:P45"/>
    <mergeCell ref="Q43:T43"/>
    <mergeCell ref="W43:Y43"/>
    <mergeCell ref="Z43:AC43"/>
    <mergeCell ref="AF43:AH43"/>
  </mergeCells>
  <phoneticPr fontId="2"/>
  <printOptions horizontalCentered="1"/>
  <pageMargins left="0.70866141732283472" right="0.70866141732283472" top="0.74803149606299213" bottom="0.74803149606299213" header="0.31496062992125984" footer="0.31496062992125984"/>
  <pageSetup paperSize="9" scale="8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3:P34"/>
  <sheetViews>
    <sheetView view="pageBreakPreview" zoomScale="85" zoomScaleNormal="85" zoomScaleSheetLayoutView="85" workbookViewId="0">
      <selection activeCell="H29" sqref="E29:H30"/>
    </sheetView>
  </sheetViews>
  <sheetFormatPr defaultColWidth="9" defaultRowHeight="13.2"/>
  <cols>
    <col min="1" max="1" width="29.19921875" style="59" customWidth="1"/>
    <col min="2" max="2" width="1.69921875" style="59" customWidth="1"/>
    <col min="3" max="3" width="9" style="59"/>
    <col min="4" max="4" width="1.69921875" style="59" customWidth="1"/>
    <col min="5" max="5" width="35.69921875" style="59" customWidth="1"/>
    <col min="6" max="6" width="7" style="59" customWidth="1"/>
    <col min="7" max="7" width="15" style="59" customWidth="1"/>
    <col min="8" max="8" width="4" style="59" customWidth="1"/>
    <col min="9" max="9" width="2.5" style="59" customWidth="1"/>
    <col min="10" max="10" width="2.69921875" style="59" customWidth="1"/>
    <col min="11" max="11" width="10" style="59" customWidth="1"/>
    <col min="12" max="14" width="4.796875" style="59" customWidth="1"/>
    <col min="15" max="15" width="4.09765625" style="59" customWidth="1"/>
    <col min="16" max="16" width="8.5" style="59" customWidth="1"/>
    <col min="17" max="16384" width="9" style="59"/>
  </cols>
  <sheetData>
    <row r="3" spans="2:15" customFormat="1" ht="14.4"/>
    <row r="4" spans="2:15" customFormat="1" ht="18" customHeight="1">
      <c r="B4" s="727" t="s">
        <v>767</v>
      </c>
      <c r="C4" s="727"/>
      <c r="D4" s="727"/>
      <c r="E4" s="727"/>
      <c r="F4" s="727"/>
      <c r="G4" s="727"/>
      <c r="H4" s="727"/>
      <c r="I4" s="232"/>
      <c r="J4" s="232"/>
      <c r="K4" s="232"/>
      <c r="L4" s="232"/>
      <c r="M4" s="232"/>
      <c r="N4" s="728" t="s">
        <v>176</v>
      </c>
      <c r="O4" s="729"/>
    </row>
    <row r="5" spans="2:15" customFormat="1" ht="21" customHeight="1">
      <c r="B5" s="233"/>
      <c r="C5" s="233"/>
      <c r="D5" s="233"/>
      <c r="E5" s="233"/>
      <c r="F5" s="233"/>
      <c r="G5" s="233"/>
      <c r="H5" s="233"/>
      <c r="I5" s="233"/>
      <c r="J5" s="233"/>
      <c r="K5" s="233"/>
      <c r="L5" s="233"/>
      <c r="M5" s="233"/>
      <c r="N5" s="732" t="s">
        <v>399</v>
      </c>
      <c r="O5" s="733"/>
    </row>
    <row r="6" spans="2:15" customFormat="1" ht="18" customHeight="1">
      <c r="B6" s="730" t="s">
        <v>178</v>
      </c>
      <c r="C6" s="730"/>
      <c r="D6" s="730"/>
      <c r="E6" s="730"/>
      <c r="F6" s="730"/>
      <c r="G6" s="730"/>
      <c r="H6" s="730"/>
      <c r="I6" s="234"/>
      <c r="J6" s="234"/>
      <c r="K6" s="234"/>
      <c r="L6" s="234"/>
      <c r="M6" s="234"/>
      <c r="N6" s="234"/>
      <c r="O6" s="234"/>
    </row>
    <row r="7" spans="2:15" customFormat="1" ht="11.25" customHeight="1">
      <c r="B7" s="235"/>
      <c r="C7" s="235"/>
      <c r="D7" s="235"/>
      <c r="E7" s="235"/>
      <c r="F7" s="235"/>
      <c r="G7" s="235"/>
      <c r="H7" s="235"/>
      <c r="I7" s="234"/>
      <c r="J7" s="234"/>
      <c r="K7" s="234"/>
      <c r="L7" s="234"/>
      <c r="M7" s="234"/>
      <c r="N7" s="234"/>
      <c r="O7" s="234"/>
    </row>
    <row r="8" spans="2:15" customFormat="1" ht="14.4">
      <c r="B8" s="731" t="s">
        <v>768</v>
      </c>
      <c r="C8" s="731"/>
      <c r="D8" s="731"/>
      <c r="E8" s="731"/>
      <c r="F8" s="731"/>
      <c r="G8" s="731"/>
      <c r="H8" s="731"/>
      <c r="I8" s="232"/>
      <c r="J8" s="232"/>
      <c r="K8" s="232"/>
      <c r="L8" s="232"/>
      <c r="M8" s="232"/>
      <c r="N8" s="232"/>
      <c r="O8" s="232"/>
    </row>
    <row r="9" spans="2:15" customFormat="1" ht="7.5" customHeight="1" thickBot="1">
      <c r="B9" s="237" t="s">
        <v>179</v>
      </c>
      <c r="C9" s="237"/>
      <c r="D9" s="237"/>
      <c r="E9" s="237"/>
      <c r="F9" s="237"/>
      <c r="G9" s="237"/>
      <c r="H9" s="237"/>
      <c r="I9" s="237"/>
      <c r="J9" s="237"/>
      <c r="K9" s="237"/>
      <c r="L9" s="237"/>
      <c r="M9" s="237"/>
      <c r="N9" s="237"/>
      <c r="O9" s="237"/>
    </row>
    <row r="10" spans="2:15" customFormat="1" ht="16.5" customHeight="1" thickBot="1">
      <c r="B10" s="685" t="s">
        <v>180</v>
      </c>
      <c r="C10" s="686"/>
      <c r="D10" s="687"/>
      <c r="E10" s="688"/>
      <c r="F10" s="689"/>
      <c r="G10" s="689"/>
      <c r="H10" s="690"/>
      <c r="I10" s="238"/>
      <c r="J10" s="238"/>
      <c r="K10" s="238"/>
      <c r="L10" s="661" t="s">
        <v>433</v>
      </c>
      <c r="M10" s="662"/>
      <c r="N10" s="662"/>
      <c r="O10" s="663"/>
    </row>
    <row r="11" spans="2:15" customFormat="1" ht="20.100000000000001" customHeight="1">
      <c r="B11" s="691" t="s">
        <v>181</v>
      </c>
      <c r="C11" s="692"/>
      <c r="D11" s="693"/>
      <c r="E11" s="700"/>
      <c r="F11" s="701"/>
      <c r="G11" s="701"/>
      <c r="H11" s="702"/>
      <c r="I11" s="238"/>
      <c r="K11" s="291" t="s">
        <v>179</v>
      </c>
      <c r="L11" s="664" t="s">
        <v>434</v>
      </c>
      <c r="M11" s="665"/>
      <c r="N11" s="666" t="s">
        <v>435</v>
      </c>
      <c r="O11" s="667"/>
    </row>
    <row r="12" spans="2:15" customFormat="1" ht="20.100000000000001" customHeight="1" thickBot="1">
      <c r="B12" s="697"/>
      <c r="C12" s="698"/>
      <c r="D12" s="699"/>
      <c r="E12" s="703"/>
      <c r="F12" s="704"/>
      <c r="G12" s="704"/>
      <c r="H12" s="705"/>
      <c r="I12" s="240" t="s">
        <v>179</v>
      </c>
      <c r="J12" s="3"/>
      <c r="K12" s="292"/>
      <c r="L12" s="668" t="s">
        <v>447</v>
      </c>
      <c r="M12" s="669"/>
      <c r="N12" s="670"/>
      <c r="O12" s="671"/>
    </row>
    <row r="13" spans="2:15" customFormat="1" ht="22.5" customHeight="1" thickBot="1">
      <c r="B13" s="706" t="s">
        <v>182</v>
      </c>
      <c r="C13" s="707"/>
      <c r="D13" s="708"/>
      <c r="E13" s="677"/>
      <c r="F13" s="241"/>
      <c r="G13" s="241"/>
      <c r="H13" s="242"/>
      <c r="I13" s="238"/>
      <c r="J13" s="238"/>
      <c r="K13" s="238"/>
      <c r="L13" s="293"/>
      <c r="M13" s="293"/>
      <c r="N13" s="293"/>
      <c r="O13" s="293"/>
    </row>
    <row r="14" spans="2:15" customFormat="1" ht="14.25" customHeight="1" thickBot="1">
      <c r="B14" s="709"/>
      <c r="C14" s="710"/>
      <c r="D14" s="711"/>
      <c r="E14" s="678"/>
      <c r="F14" s="229" t="s">
        <v>183</v>
      </c>
      <c r="G14" s="243"/>
      <c r="H14" s="244" t="s">
        <v>179</v>
      </c>
      <c r="I14" s="238"/>
      <c r="J14" s="238"/>
      <c r="K14" s="238"/>
      <c r="L14" s="661" t="s">
        <v>769</v>
      </c>
      <c r="M14" s="662"/>
      <c r="N14" s="662"/>
      <c r="O14" s="663"/>
    </row>
    <row r="15" spans="2:15" customFormat="1" ht="14.4">
      <c r="B15" s="709"/>
      <c r="C15" s="710"/>
      <c r="D15" s="711"/>
      <c r="E15" s="678"/>
      <c r="F15" s="229" t="s">
        <v>184</v>
      </c>
      <c r="G15" s="245"/>
      <c r="H15" s="244" t="s">
        <v>179</v>
      </c>
      <c r="I15" s="238"/>
      <c r="J15" s="238"/>
      <c r="K15" s="238"/>
      <c r="L15" s="648" t="s">
        <v>436</v>
      </c>
      <c r="M15" s="649"/>
      <c r="N15" s="650" t="s">
        <v>437</v>
      </c>
      <c r="O15" s="651"/>
    </row>
    <row r="16" spans="2:15" customFormat="1" ht="14.4">
      <c r="B16" s="712"/>
      <c r="C16" s="713"/>
      <c r="D16" s="714"/>
      <c r="E16" s="679"/>
      <c r="F16" s="246" t="s">
        <v>185</v>
      </c>
      <c r="G16" s="247"/>
      <c r="H16" s="248" t="s">
        <v>179</v>
      </c>
      <c r="I16" s="238"/>
      <c r="J16" s="238"/>
      <c r="K16" s="238"/>
      <c r="L16" s="652" t="s">
        <v>447</v>
      </c>
      <c r="M16" s="653"/>
      <c r="N16" s="656"/>
      <c r="O16" s="657"/>
    </row>
    <row r="17" spans="2:16" customFormat="1" ht="16.5" customHeight="1" thickBot="1">
      <c r="B17" s="715" t="s">
        <v>180</v>
      </c>
      <c r="C17" s="716"/>
      <c r="D17" s="717"/>
      <c r="E17" s="718"/>
      <c r="F17" s="719"/>
      <c r="G17" s="238"/>
      <c r="H17" s="244" t="s">
        <v>179</v>
      </c>
      <c r="I17" s="720"/>
      <c r="J17" s="721"/>
      <c r="K17" s="238"/>
      <c r="L17" s="654"/>
      <c r="M17" s="655"/>
      <c r="N17" s="658"/>
      <c r="O17" s="659"/>
    </row>
    <row r="18" spans="2:16" customFormat="1" ht="25.5" customHeight="1">
      <c r="B18" s="691" t="s">
        <v>187</v>
      </c>
      <c r="C18" s="692"/>
      <c r="D18" s="693"/>
      <c r="E18" s="700"/>
      <c r="F18" s="701"/>
      <c r="G18" s="249"/>
      <c r="H18" s="672"/>
      <c r="I18" s="722"/>
      <c r="J18" s="723"/>
      <c r="K18" s="229"/>
      <c r="L18" s="229"/>
      <c r="M18" s="229"/>
      <c r="N18" s="238"/>
      <c r="O18" s="238"/>
    </row>
    <row r="19" spans="2:16" customFormat="1" ht="25.5" customHeight="1">
      <c r="B19" s="712"/>
      <c r="C19" s="713"/>
      <c r="D19" s="714"/>
      <c r="E19" s="703"/>
      <c r="F19" s="704"/>
      <c r="G19" s="250"/>
      <c r="H19" s="673"/>
      <c r="I19" s="251"/>
      <c r="J19" s="238"/>
      <c r="K19" s="660"/>
      <c r="L19" s="660"/>
      <c r="M19" s="660"/>
      <c r="N19" s="660"/>
      <c r="O19" s="660"/>
      <c r="P19" s="252"/>
    </row>
    <row r="20" spans="2:16" customFormat="1" ht="27" customHeight="1">
      <c r="B20" s="674" t="s">
        <v>188</v>
      </c>
      <c r="C20" s="675"/>
      <c r="D20" s="676"/>
      <c r="E20" s="677"/>
      <c r="F20" s="241"/>
      <c r="G20" s="241"/>
      <c r="H20" s="242" t="s">
        <v>179</v>
      </c>
      <c r="I20" s="251"/>
      <c r="J20" s="238"/>
      <c r="K20" s="660"/>
      <c r="L20" s="660"/>
      <c r="M20" s="660"/>
      <c r="N20" s="660"/>
      <c r="O20" s="660"/>
      <c r="P20" s="252"/>
    </row>
    <row r="21" spans="2:16" customFormat="1" ht="14.4">
      <c r="B21" s="236"/>
      <c r="C21" s="254" t="s">
        <v>189</v>
      </c>
      <c r="D21" s="231"/>
      <c r="E21" s="678"/>
      <c r="F21" s="229" t="s">
        <v>183</v>
      </c>
      <c r="G21" s="238"/>
      <c r="H21" s="244" t="s">
        <v>179</v>
      </c>
      <c r="I21" s="251"/>
      <c r="J21" s="238"/>
      <c r="K21" s="255"/>
      <c r="L21" s="255"/>
      <c r="M21" s="255"/>
      <c r="N21" s="255"/>
      <c r="O21" s="256"/>
      <c r="P21" s="252"/>
    </row>
    <row r="22" spans="2:16" customFormat="1" ht="14.4">
      <c r="B22" s="680" t="s">
        <v>190</v>
      </c>
      <c r="C22" s="681"/>
      <c r="D22" s="682"/>
      <c r="E22" s="678"/>
      <c r="F22" s="229" t="s">
        <v>184</v>
      </c>
      <c r="G22" s="238"/>
      <c r="H22" s="244" t="s">
        <v>179</v>
      </c>
      <c r="I22" s="251"/>
      <c r="J22" s="238"/>
      <c r="K22" s="683"/>
      <c r="L22" s="684"/>
      <c r="M22" s="684"/>
      <c r="N22" s="684"/>
      <c r="O22" s="230"/>
      <c r="P22" s="252"/>
    </row>
    <row r="23" spans="2:16" customFormat="1" ht="14.4">
      <c r="B23" s="257"/>
      <c r="C23" s="258" t="s">
        <v>179</v>
      </c>
      <c r="D23" s="259"/>
      <c r="E23" s="679"/>
      <c r="F23" s="246" t="s">
        <v>185</v>
      </c>
      <c r="G23" s="250"/>
      <c r="H23" s="248" t="s">
        <v>179</v>
      </c>
      <c r="I23" s="251"/>
      <c r="J23" s="238"/>
      <c r="K23" s="684"/>
      <c r="L23" s="684"/>
      <c r="M23" s="684"/>
      <c r="N23" s="684"/>
      <c r="O23" s="239"/>
    </row>
    <row r="24" spans="2:16" customFormat="1" ht="30.75" customHeight="1">
      <c r="B24" s="724" t="s">
        <v>400</v>
      </c>
      <c r="C24" s="725"/>
      <c r="D24" s="726"/>
      <c r="E24" s="260" t="s">
        <v>401</v>
      </c>
      <c r="F24" s="261"/>
      <c r="G24" s="262"/>
      <c r="H24" s="263"/>
      <c r="I24" s="720" t="s">
        <v>186</v>
      </c>
      <c r="J24" s="721"/>
      <c r="K24" s="694"/>
      <c r="L24" s="695"/>
      <c r="M24" s="695"/>
      <c r="N24" s="695"/>
      <c r="O24" s="239"/>
    </row>
    <row r="25" spans="2:16" customFormat="1" ht="16.5" customHeight="1">
      <c r="B25" s="715" t="s">
        <v>180</v>
      </c>
      <c r="C25" s="716"/>
      <c r="D25" s="717"/>
      <c r="E25" s="753"/>
      <c r="F25" s="754"/>
      <c r="G25" s="238"/>
      <c r="H25" s="244"/>
      <c r="I25" s="722"/>
      <c r="J25" s="723"/>
      <c r="K25" s="696"/>
      <c r="L25" s="696"/>
      <c r="M25" s="696"/>
      <c r="N25" s="696"/>
      <c r="O25" s="239"/>
    </row>
    <row r="26" spans="2:16" customFormat="1" ht="25.5" customHeight="1">
      <c r="B26" s="691" t="s">
        <v>191</v>
      </c>
      <c r="C26" s="692"/>
      <c r="D26" s="693"/>
      <c r="E26" s="746"/>
      <c r="F26" s="747"/>
      <c r="G26" s="249"/>
      <c r="H26" s="672"/>
      <c r="I26" s="720" t="s">
        <v>186</v>
      </c>
      <c r="J26" s="721"/>
      <c r="K26" s="751"/>
      <c r="L26" s="751"/>
      <c r="M26" s="751"/>
      <c r="N26" s="752"/>
      <c r="O26" s="238"/>
    </row>
    <row r="27" spans="2:16" customFormat="1" ht="10.5" customHeight="1">
      <c r="B27" s="742" t="s">
        <v>192</v>
      </c>
      <c r="C27" s="264" t="s">
        <v>193</v>
      </c>
      <c r="D27" s="744" t="s">
        <v>194</v>
      </c>
      <c r="E27" s="678"/>
      <c r="F27" s="748"/>
      <c r="G27" s="265"/>
      <c r="H27" s="750"/>
      <c r="I27" s="722"/>
      <c r="J27" s="723"/>
      <c r="K27" s="290"/>
      <c r="L27" s="290"/>
      <c r="M27" s="290"/>
      <c r="N27" s="290"/>
      <c r="O27" s="265"/>
    </row>
    <row r="28" spans="2:16" customFormat="1" ht="15.75" customHeight="1">
      <c r="B28" s="743"/>
      <c r="C28" s="267" t="s">
        <v>195</v>
      </c>
      <c r="D28" s="745"/>
      <c r="E28" s="679"/>
      <c r="F28" s="749"/>
      <c r="G28" s="268"/>
      <c r="H28" s="673"/>
      <c r="I28" s="59"/>
      <c r="J28" s="59"/>
      <c r="K28" s="266"/>
      <c r="L28" s="266"/>
      <c r="M28" s="266"/>
      <c r="N28" s="266"/>
      <c r="O28" s="265"/>
    </row>
    <row r="29" spans="2:16" customFormat="1" ht="27" customHeight="1">
      <c r="B29" s="709" t="s">
        <v>196</v>
      </c>
      <c r="C29" s="710"/>
      <c r="D29" s="711"/>
      <c r="E29" s="738"/>
      <c r="F29" s="645" t="s">
        <v>184</v>
      </c>
      <c r="G29" s="265"/>
      <c r="H29" s="740"/>
      <c r="I29" s="59"/>
      <c r="J29" s="59"/>
      <c r="K29" s="253"/>
      <c r="L29" s="229"/>
      <c r="M29" s="229"/>
      <c r="N29" s="229"/>
      <c r="O29" s="230"/>
    </row>
    <row r="30" spans="2:16" customFormat="1" ht="15.75" customHeight="1" thickBot="1">
      <c r="B30" s="734" t="s">
        <v>197</v>
      </c>
      <c r="C30" s="735"/>
      <c r="D30" s="736"/>
      <c r="E30" s="739"/>
      <c r="F30" s="1843" t="s">
        <v>185</v>
      </c>
      <c r="G30" s="270"/>
      <c r="H30" s="741"/>
      <c r="I30" s="269"/>
      <c r="J30" s="265"/>
      <c r="K30" s="255"/>
      <c r="L30" s="255"/>
      <c r="M30" s="255"/>
      <c r="N30" s="255"/>
      <c r="O30" s="256"/>
    </row>
    <row r="31" spans="2:16" ht="15" customHeight="1"/>
    <row r="32" spans="2:16" ht="21" customHeight="1">
      <c r="C32" s="60" t="s">
        <v>418</v>
      </c>
    </row>
    <row r="33" spans="1:15">
      <c r="A33" s="737" t="s">
        <v>254</v>
      </c>
      <c r="B33" s="737"/>
      <c r="C33" s="737"/>
      <c r="D33" s="737"/>
      <c r="E33" s="737"/>
      <c r="F33" s="737"/>
      <c r="G33" s="737"/>
      <c r="H33" s="737"/>
      <c r="I33" s="737"/>
      <c r="J33" s="737"/>
      <c r="K33" s="737"/>
      <c r="L33" s="737"/>
      <c r="M33" s="737"/>
      <c r="N33" s="737"/>
      <c r="O33" s="737"/>
    </row>
    <row r="34" spans="1:15" ht="18.75" customHeight="1">
      <c r="A34" s="737"/>
      <c r="B34" s="737"/>
      <c r="C34" s="737"/>
      <c r="D34" s="737"/>
      <c r="E34" s="737"/>
      <c r="F34" s="737"/>
      <c r="G34" s="737"/>
      <c r="H34" s="737"/>
      <c r="I34" s="737"/>
      <c r="J34" s="737"/>
      <c r="K34" s="737"/>
      <c r="L34" s="737"/>
      <c r="M34" s="737"/>
      <c r="N34" s="737"/>
      <c r="O34" s="737"/>
    </row>
  </sheetData>
  <mergeCells count="49">
    <mergeCell ref="B30:D30"/>
    <mergeCell ref="B25:D25"/>
    <mergeCell ref="A33:O34"/>
    <mergeCell ref="B29:D29"/>
    <mergeCell ref="H29:H30"/>
    <mergeCell ref="B27:B28"/>
    <mergeCell ref="D27:D28"/>
    <mergeCell ref="E26:F28"/>
    <mergeCell ref="H26:H28"/>
    <mergeCell ref="I26:J27"/>
    <mergeCell ref="K26:N26"/>
    <mergeCell ref="E25:F25"/>
    <mergeCell ref="E29:E30"/>
    <mergeCell ref="B4:H4"/>
    <mergeCell ref="N4:O4"/>
    <mergeCell ref="B6:H6"/>
    <mergeCell ref="B8:H8"/>
    <mergeCell ref="N5:O5"/>
    <mergeCell ref="B10:D10"/>
    <mergeCell ref="E10:H10"/>
    <mergeCell ref="B26:D26"/>
    <mergeCell ref="K24:N25"/>
    <mergeCell ref="B11:D12"/>
    <mergeCell ref="E11:H12"/>
    <mergeCell ref="B13:D16"/>
    <mergeCell ref="E13:E16"/>
    <mergeCell ref="B17:D17"/>
    <mergeCell ref="L14:O14"/>
    <mergeCell ref="E17:F17"/>
    <mergeCell ref="I17:J18"/>
    <mergeCell ref="B18:D19"/>
    <mergeCell ref="E18:F19"/>
    <mergeCell ref="B24:D24"/>
    <mergeCell ref="I24:J25"/>
    <mergeCell ref="H18:H19"/>
    <mergeCell ref="B20:D20"/>
    <mergeCell ref="E20:E23"/>
    <mergeCell ref="B22:D22"/>
    <mergeCell ref="K22:N23"/>
    <mergeCell ref="L10:O10"/>
    <mergeCell ref="L11:M11"/>
    <mergeCell ref="N11:O11"/>
    <mergeCell ref="L12:M12"/>
    <mergeCell ref="N12:O12"/>
    <mergeCell ref="L15:M15"/>
    <mergeCell ref="N15:O15"/>
    <mergeCell ref="L16:M17"/>
    <mergeCell ref="N16:O17"/>
    <mergeCell ref="K19:O20"/>
  </mergeCells>
  <phoneticPr fontId="14"/>
  <printOptions horizontalCentered="1"/>
  <pageMargins left="0.39370078740157483" right="0.39370078740157483" top="0.51181102362204722" bottom="0.51181102362204722" header="0.51181102362204722" footer="0.51181102362204722"/>
  <pageSetup paperSize="9" scale="92" orientation="landscape" r:id="rId1"/>
  <headerFooter alignWithMargins="0">
    <oddFooter>&amp;C&amp;14 ２</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CI281"/>
  <sheetViews>
    <sheetView view="pageBreakPreview" topLeftCell="A2" zoomScale="55" zoomScaleNormal="70" zoomScaleSheetLayoutView="55" zoomScalePageLayoutView="55" workbookViewId="0">
      <selection activeCell="BM24" sqref="BM24"/>
    </sheetView>
  </sheetViews>
  <sheetFormatPr defaultColWidth="9" defaultRowHeight="12"/>
  <cols>
    <col min="1" max="45" width="3.5" style="21" customWidth="1"/>
    <col min="46" max="46" width="3.09765625" style="21" customWidth="1"/>
    <col min="47" max="47" width="3.09765625" style="21" hidden="1" customWidth="1"/>
    <col min="48" max="48" width="3.09765625" style="21" customWidth="1"/>
    <col min="49" max="87" width="2.5" style="21" customWidth="1"/>
    <col min="88" max="92" width="3.09765625" style="21" customWidth="1"/>
    <col min="93" max="16384" width="9" style="21"/>
  </cols>
  <sheetData>
    <row r="1" spans="1:87" ht="24" hidden="1" customHeight="1">
      <c r="A1" s="863" t="s">
        <v>258</v>
      </c>
      <c r="B1" s="863"/>
      <c r="C1" s="863"/>
      <c r="D1" s="863"/>
      <c r="E1" s="863"/>
      <c r="F1" s="863"/>
      <c r="G1" s="863"/>
      <c r="H1" s="863"/>
      <c r="I1" s="863"/>
      <c r="J1" s="863"/>
      <c r="K1" s="863"/>
      <c r="L1" s="863"/>
      <c r="M1" s="863"/>
      <c r="N1" s="863"/>
      <c r="O1" s="863"/>
      <c r="P1" s="863"/>
      <c r="Q1" s="863"/>
      <c r="R1" s="863"/>
      <c r="S1" s="863"/>
      <c r="T1" s="863"/>
      <c r="U1" s="863"/>
      <c r="V1" s="863"/>
      <c r="W1" s="863"/>
      <c r="X1" s="863"/>
      <c r="Y1" s="863"/>
      <c r="Z1" s="863"/>
      <c r="AA1" s="863"/>
      <c r="AB1" s="863"/>
      <c r="AC1" s="863"/>
      <c r="AD1" s="863"/>
      <c r="AE1" s="863"/>
      <c r="AF1" s="863"/>
      <c r="AG1" s="863"/>
      <c r="AH1" s="863"/>
      <c r="AI1" s="863"/>
      <c r="AJ1" s="863"/>
      <c r="AK1" s="863"/>
      <c r="AL1" s="863"/>
      <c r="AM1" s="863"/>
      <c r="AN1" s="863"/>
      <c r="AO1" s="863"/>
      <c r="AP1" s="863"/>
      <c r="AQ1" s="863"/>
      <c r="AR1" s="863"/>
      <c r="AS1" s="863"/>
      <c r="AT1" s="863"/>
      <c r="AU1" s="863"/>
      <c r="AV1" s="863"/>
      <c r="AW1" s="863"/>
      <c r="AX1" s="863"/>
      <c r="AY1" s="863"/>
      <c r="AZ1" s="863"/>
      <c r="BA1" s="863"/>
      <c r="BB1" s="863"/>
      <c r="BC1" s="863"/>
      <c r="BD1" s="863"/>
      <c r="BE1" s="863"/>
      <c r="BF1" s="863"/>
      <c r="BG1" s="863"/>
      <c r="BH1" s="863"/>
      <c r="BI1" s="863"/>
      <c r="BJ1" s="863"/>
      <c r="BK1" s="863"/>
    </row>
    <row r="2" spans="1:87" ht="27" customHeight="1" thickBot="1">
      <c r="AW2" s="892" t="s">
        <v>294</v>
      </c>
      <c r="AX2" s="892"/>
      <c r="AY2" s="892"/>
      <c r="AZ2" s="892"/>
      <c r="BA2" s="892"/>
      <c r="BB2" s="892"/>
      <c r="BC2" s="892"/>
      <c r="BD2" s="892"/>
      <c r="BE2" s="892"/>
      <c r="BF2" s="892"/>
      <c r="BG2" s="892"/>
      <c r="BH2" s="892"/>
      <c r="BI2" s="892"/>
      <c r="BJ2" s="892"/>
      <c r="BK2" s="892"/>
      <c r="BL2" s="892"/>
      <c r="BM2" s="892"/>
      <c r="BN2" s="892"/>
      <c r="BO2" s="892"/>
      <c r="BP2" s="892"/>
      <c r="BQ2" s="892"/>
      <c r="BR2" s="892"/>
      <c r="BS2" s="892"/>
      <c r="BT2" s="892"/>
      <c r="BU2" s="892"/>
      <c r="BV2" s="892"/>
      <c r="BW2" s="892"/>
      <c r="BX2" s="892"/>
      <c r="BY2" s="892"/>
      <c r="BZ2" s="892"/>
      <c r="CA2" s="892"/>
      <c r="CB2" s="892"/>
      <c r="CC2" s="892"/>
      <c r="CD2" s="892"/>
      <c r="CE2" s="892"/>
      <c r="CF2" s="892"/>
      <c r="CG2" s="892"/>
      <c r="CH2" s="892"/>
      <c r="CI2" s="892"/>
    </row>
    <row r="3" spans="1:87" ht="10.5" customHeight="1">
      <c r="AW3" s="963" t="s">
        <v>259</v>
      </c>
      <c r="AX3" s="964"/>
      <c r="AY3" s="964"/>
      <c r="AZ3" s="964"/>
      <c r="BA3" s="964"/>
      <c r="BB3" s="964"/>
      <c r="BC3" s="964"/>
      <c r="BD3" s="755" t="s">
        <v>593</v>
      </c>
      <c r="BE3" s="755"/>
      <c r="BF3" s="755"/>
      <c r="BG3" s="755"/>
      <c r="BH3" s="755"/>
      <c r="BI3" s="755"/>
      <c r="BJ3" s="755"/>
      <c r="BK3" s="755"/>
      <c r="BL3" s="755"/>
      <c r="BM3" s="755"/>
      <c r="BN3" s="755"/>
      <c r="BO3" s="755"/>
      <c r="BP3" s="755"/>
      <c r="BQ3" s="755"/>
      <c r="BR3" s="755"/>
      <c r="BS3" s="755"/>
      <c r="BT3" s="755"/>
      <c r="BU3" s="755"/>
      <c r="BV3" s="755"/>
      <c r="BW3" s="755"/>
      <c r="BX3" s="755"/>
      <c r="BY3" s="755"/>
      <c r="BZ3" s="755"/>
      <c r="CA3" s="755"/>
      <c r="CB3" s="755"/>
      <c r="CC3" s="755"/>
      <c r="CD3" s="755"/>
      <c r="CE3" s="755"/>
      <c r="CF3" s="755"/>
      <c r="CG3" s="755"/>
      <c r="CH3" s="755"/>
      <c r="CI3" s="756"/>
    </row>
    <row r="4" spans="1:87" ht="10.5" customHeight="1">
      <c r="AW4" s="965"/>
      <c r="AX4" s="759"/>
      <c r="AY4" s="759"/>
      <c r="AZ4" s="759"/>
      <c r="BA4" s="759"/>
      <c r="BB4" s="759"/>
      <c r="BC4" s="759"/>
      <c r="BD4" s="757"/>
      <c r="BE4" s="757"/>
      <c r="BF4" s="757"/>
      <c r="BG4" s="757"/>
      <c r="BH4" s="757"/>
      <c r="BI4" s="757"/>
      <c r="BJ4" s="757"/>
      <c r="BK4" s="757"/>
      <c r="BL4" s="757"/>
      <c r="BM4" s="757"/>
      <c r="BN4" s="757"/>
      <c r="BO4" s="757"/>
      <c r="BP4" s="757"/>
      <c r="BQ4" s="757"/>
      <c r="BR4" s="757"/>
      <c r="BS4" s="757"/>
      <c r="BT4" s="757"/>
      <c r="BU4" s="757"/>
      <c r="BV4" s="757"/>
      <c r="BW4" s="757"/>
      <c r="BX4" s="757"/>
      <c r="BY4" s="757"/>
      <c r="BZ4" s="757"/>
      <c r="CA4" s="757"/>
      <c r="CB4" s="757"/>
      <c r="CC4" s="757"/>
      <c r="CD4" s="757"/>
      <c r="CE4" s="757"/>
      <c r="CF4" s="757"/>
      <c r="CG4" s="757"/>
      <c r="CH4" s="757"/>
      <c r="CI4" s="758"/>
    </row>
    <row r="5" spans="1:87" ht="10.5" customHeight="1">
      <c r="AW5" s="965"/>
      <c r="AX5" s="759"/>
      <c r="AY5" s="759"/>
      <c r="AZ5" s="759"/>
      <c r="BA5" s="759"/>
      <c r="BB5" s="759"/>
      <c r="BC5" s="759"/>
      <c r="BD5" s="813"/>
      <c r="BE5" s="813"/>
      <c r="BF5" s="813"/>
      <c r="BG5" s="813"/>
      <c r="BH5" s="759" t="s">
        <v>260</v>
      </c>
      <c r="BI5" s="759"/>
      <c r="BJ5" s="759"/>
      <c r="BK5" s="759"/>
      <c r="BL5" s="759"/>
      <c r="BM5" s="759"/>
      <c r="BN5" s="759"/>
      <c r="BO5" s="759"/>
      <c r="BP5" s="759"/>
      <c r="BQ5" s="759"/>
      <c r="BR5" s="759"/>
      <c r="BS5" s="759"/>
      <c r="BT5" s="759"/>
      <c r="BU5" s="759"/>
      <c r="BV5" s="759"/>
      <c r="BW5" s="759"/>
      <c r="BX5" s="759"/>
      <c r="BY5" s="759"/>
      <c r="BZ5" s="759"/>
      <c r="CA5" s="759"/>
      <c r="CB5" s="759"/>
      <c r="CC5" s="759"/>
      <c r="CD5" s="759"/>
      <c r="CE5" s="759"/>
      <c r="CF5" s="759" t="s">
        <v>261</v>
      </c>
      <c r="CG5" s="759"/>
      <c r="CH5" s="759"/>
      <c r="CI5" s="760"/>
    </row>
    <row r="6" spans="1:87" ht="10.5" customHeight="1">
      <c r="AW6" s="965"/>
      <c r="AX6" s="759"/>
      <c r="AY6" s="759"/>
      <c r="AZ6" s="759"/>
      <c r="BA6" s="759"/>
      <c r="BB6" s="759"/>
      <c r="BC6" s="759"/>
      <c r="BD6" s="813"/>
      <c r="BE6" s="813"/>
      <c r="BF6" s="813"/>
      <c r="BG6" s="813"/>
      <c r="BH6" s="759"/>
      <c r="BI6" s="759"/>
      <c r="BJ6" s="759"/>
      <c r="BK6" s="759"/>
      <c r="BL6" s="759"/>
      <c r="BM6" s="759"/>
      <c r="BN6" s="759"/>
      <c r="BO6" s="759"/>
      <c r="BP6" s="759"/>
      <c r="BQ6" s="759"/>
      <c r="BR6" s="759"/>
      <c r="BS6" s="759"/>
      <c r="BT6" s="759"/>
      <c r="BU6" s="759"/>
      <c r="BV6" s="759"/>
      <c r="BW6" s="759"/>
      <c r="BX6" s="759"/>
      <c r="BY6" s="759"/>
      <c r="BZ6" s="759"/>
      <c r="CA6" s="759"/>
      <c r="CB6" s="759"/>
      <c r="CC6" s="759"/>
      <c r="CD6" s="759"/>
      <c r="CE6" s="759"/>
      <c r="CF6" s="759"/>
      <c r="CG6" s="759"/>
      <c r="CH6" s="759"/>
      <c r="CI6" s="760"/>
    </row>
    <row r="7" spans="1:87" ht="10.5" customHeight="1">
      <c r="AW7" s="965"/>
      <c r="AX7" s="759"/>
      <c r="AY7" s="759"/>
      <c r="AZ7" s="759"/>
      <c r="BA7" s="759"/>
      <c r="BB7" s="759"/>
      <c r="BC7" s="759"/>
      <c r="BD7" s="813"/>
      <c r="BE7" s="813"/>
      <c r="BF7" s="813"/>
      <c r="BG7" s="813"/>
      <c r="BH7" s="759" t="s">
        <v>262</v>
      </c>
      <c r="BI7" s="759"/>
      <c r="BJ7" s="759"/>
      <c r="BK7" s="759"/>
      <c r="BL7" s="759"/>
      <c r="BM7" s="759"/>
      <c r="BN7" s="759"/>
      <c r="BO7" s="759"/>
      <c r="BP7" s="759"/>
      <c r="BQ7" s="759" t="s">
        <v>263</v>
      </c>
      <c r="BR7" s="759"/>
      <c r="BS7" s="759"/>
      <c r="BT7" s="759"/>
      <c r="BU7" s="759"/>
      <c r="BV7" s="759"/>
      <c r="BW7" s="759" t="s">
        <v>264</v>
      </c>
      <c r="BX7" s="759"/>
      <c r="BY7" s="759"/>
      <c r="BZ7" s="759"/>
      <c r="CA7" s="759"/>
      <c r="CB7" s="759"/>
      <c r="CC7" s="759"/>
      <c r="CD7" s="759"/>
      <c r="CE7" s="759"/>
      <c r="CF7" s="759"/>
      <c r="CG7" s="759"/>
      <c r="CH7" s="759"/>
      <c r="CI7" s="760"/>
    </row>
    <row r="8" spans="1:87" ht="10.5" customHeight="1">
      <c r="AW8" s="965"/>
      <c r="AX8" s="759"/>
      <c r="AY8" s="759"/>
      <c r="AZ8" s="759"/>
      <c r="BA8" s="759"/>
      <c r="BB8" s="759"/>
      <c r="BC8" s="759"/>
      <c r="BD8" s="813"/>
      <c r="BE8" s="813"/>
      <c r="BF8" s="813"/>
      <c r="BG8" s="813"/>
      <c r="BH8" s="759"/>
      <c r="BI8" s="759"/>
      <c r="BJ8" s="759"/>
      <c r="BK8" s="759"/>
      <c r="BL8" s="759"/>
      <c r="BM8" s="759"/>
      <c r="BN8" s="759"/>
      <c r="BO8" s="759"/>
      <c r="BP8" s="759"/>
      <c r="BQ8" s="759"/>
      <c r="BR8" s="759"/>
      <c r="BS8" s="759"/>
      <c r="BT8" s="759"/>
      <c r="BU8" s="759"/>
      <c r="BV8" s="759"/>
      <c r="BW8" s="759"/>
      <c r="BX8" s="759"/>
      <c r="BY8" s="759"/>
      <c r="BZ8" s="759"/>
      <c r="CA8" s="759"/>
      <c r="CB8" s="759"/>
      <c r="CC8" s="759"/>
      <c r="CD8" s="759"/>
      <c r="CE8" s="759"/>
      <c r="CF8" s="759"/>
      <c r="CG8" s="759"/>
      <c r="CH8" s="759"/>
      <c r="CI8" s="760"/>
    </row>
    <row r="9" spans="1:87" ht="10.5" customHeight="1">
      <c r="AW9" s="965"/>
      <c r="AX9" s="759"/>
      <c r="AY9" s="759"/>
      <c r="AZ9" s="759"/>
      <c r="BA9" s="759"/>
      <c r="BB9" s="759"/>
      <c r="BC9" s="759"/>
      <c r="BD9" s="813"/>
      <c r="BE9" s="813"/>
      <c r="BF9" s="813"/>
      <c r="BG9" s="813"/>
      <c r="BH9" s="815" t="s">
        <v>265</v>
      </c>
      <c r="BI9" s="815"/>
      <c r="BJ9" s="815"/>
      <c r="BK9" s="815"/>
      <c r="BL9" s="815"/>
      <c r="BM9" s="815"/>
      <c r="BN9" s="942" t="s">
        <v>266</v>
      </c>
      <c r="BO9" s="943"/>
      <c r="BP9" s="944"/>
      <c r="BQ9" s="948" t="s">
        <v>267</v>
      </c>
      <c r="BR9" s="948"/>
      <c r="BS9" s="948"/>
      <c r="BT9" s="948" t="s">
        <v>314</v>
      </c>
      <c r="BU9" s="948"/>
      <c r="BV9" s="948"/>
      <c r="BW9" s="948" t="s">
        <v>267</v>
      </c>
      <c r="BX9" s="948"/>
      <c r="BY9" s="948"/>
      <c r="BZ9" s="948" t="s">
        <v>268</v>
      </c>
      <c r="CA9" s="948"/>
      <c r="CB9" s="948"/>
      <c r="CC9" s="948" t="s">
        <v>315</v>
      </c>
      <c r="CD9" s="948"/>
      <c r="CE9" s="948"/>
      <c r="CF9" s="759"/>
      <c r="CG9" s="759"/>
      <c r="CH9" s="759"/>
      <c r="CI9" s="760"/>
    </row>
    <row r="10" spans="1:87" ht="10.5" customHeight="1" thickBot="1">
      <c r="AW10" s="965"/>
      <c r="AX10" s="759"/>
      <c r="AY10" s="759"/>
      <c r="AZ10" s="759"/>
      <c r="BA10" s="759"/>
      <c r="BB10" s="759"/>
      <c r="BC10" s="759"/>
      <c r="BD10" s="813"/>
      <c r="BE10" s="813"/>
      <c r="BF10" s="813"/>
      <c r="BG10" s="813"/>
      <c r="BH10" s="815"/>
      <c r="BI10" s="815"/>
      <c r="BJ10" s="815"/>
      <c r="BK10" s="815"/>
      <c r="BL10" s="815"/>
      <c r="BM10" s="815"/>
      <c r="BN10" s="945"/>
      <c r="BO10" s="946"/>
      <c r="BP10" s="947"/>
      <c r="BQ10" s="948"/>
      <c r="BR10" s="948"/>
      <c r="BS10" s="948"/>
      <c r="BT10" s="948"/>
      <c r="BU10" s="948"/>
      <c r="BV10" s="948"/>
      <c r="BW10" s="948"/>
      <c r="BX10" s="948"/>
      <c r="BY10" s="948"/>
      <c r="BZ10" s="948"/>
      <c r="CA10" s="948"/>
      <c r="CB10" s="948"/>
      <c r="CC10" s="948"/>
      <c r="CD10" s="948"/>
      <c r="CE10" s="948"/>
      <c r="CF10" s="759"/>
      <c r="CG10" s="759"/>
      <c r="CH10" s="759"/>
      <c r="CI10" s="760"/>
    </row>
    <row r="11" spans="1:87" ht="10.5" customHeight="1">
      <c r="A11" s="834" t="s">
        <v>200</v>
      </c>
      <c r="B11" s="835"/>
      <c r="C11" s="824" t="s">
        <v>201</v>
      </c>
      <c r="D11" s="825"/>
      <c r="E11" s="825"/>
      <c r="F11" s="825"/>
      <c r="G11" s="826"/>
      <c r="H11" s="226"/>
      <c r="I11" s="838"/>
      <c r="J11" s="838"/>
      <c r="K11" s="833"/>
      <c r="L11" s="833"/>
      <c r="M11" s="833"/>
      <c r="N11" s="822"/>
      <c r="O11" s="822"/>
      <c r="P11" s="822"/>
      <c r="Q11" s="69"/>
      <c r="R11" s="899"/>
      <c r="S11" s="828"/>
      <c r="T11" s="828"/>
      <c r="U11" s="828"/>
      <c r="V11" s="228"/>
      <c r="W11" s="822"/>
      <c r="X11" s="822"/>
      <c r="Y11" s="822"/>
      <c r="AA11" s="893"/>
      <c r="AB11" s="828"/>
      <c r="AC11" s="828"/>
      <c r="AD11" s="828"/>
      <c r="AE11" s="288"/>
      <c r="AF11" s="288"/>
      <c r="AW11" s="965"/>
      <c r="AX11" s="759"/>
      <c r="AY11" s="759"/>
      <c r="AZ11" s="759"/>
      <c r="BA11" s="759"/>
      <c r="BB11" s="759"/>
      <c r="BC11" s="759"/>
      <c r="BD11" s="813"/>
      <c r="BE11" s="813"/>
      <c r="BF11" s="813"/>
      <c r="BG11" s="813"/>
      <c r="BH11" s="811" t="s">
        <v>791</v>
      </c>
      <c r="BI11" s="811"/>
      <c r="BJ11" s="811"/>
      <c r="BK11" s="811" t="s">
        <v>792</v>
      </c>
      <c r="BL11" s="811"/>
      <c r="BM11" s="811"/>
      <c r="BN11" s="811" t="s">
        <v>792</v>
      </c>
      <c r="BO11" s="811"/>
      <c r="BP11" s="811"/>
      <c r="BQ11" s="948"/>
      <c r="BR11" s="948"/>
      <c r="BS11" s="948"/>
      <c r="BT11" s="948"/>
      <c r="BU11" s="948"/>
      <c r="BV11" s="948"/>
      <c r="BW11" s="948"/>
      <c r="BX11" s="948"/>
      <c r="BY11" s="948"/>
      <c r="BZ11" s="948"/>
      <c r="CA11" s="948"/>
      <c r="CB11" s="948"/>
      <c r="CC11" s="948"/>
      <c r="CD11" s="948"/>
      <c r="CE11" s="948"/>
      <c r="CF11" s="759"/>
      <c r="CG11" s="759"/>
      <c r="CH11" s="759"/>
      <c r="CI11" s="760"/>
    </row>
    <row r="12" spans="1:87" ht="10.5" customHeight="1">
      <c r="A12" s="836"/>
      <c r="B12" s="837"/>
      <c r="C12" s="827"/>
      <c r="D12" s="828"/>
      <c r="E12" s="828"/>
      <c r="F12" s="828"/>
      <c r="G12" s="829"/>
      <c r="H12" s="225"/>
      <c r="I12" s="838"/>
      <c r="J12" s="838"/>
      <c r="K12" s="833"/>
      <c r="L12" s="833"/>
      <c r="M12" s="833"/>
      <c r="N12" s="822"/>
      <c r="O12" s="822"/>
      <c r="P12" s="822"/>
      <c r="Q12" s="69"/>
      <c r="R12" s="828"/>
      <c r="S12" s="828"/>
      <c r="T12" s="828"/>
      <c r="U12" s="828"/>
      <c r="V12" s="228"/>
      <c r="W12" s="822"/>
      <c r="X12" s="822"/>
      <c r="Y12" s="822"/>
      <c r="AA12" s="828"/>
      <c r="AB12" s="828"/>
      <c r="AC12" s="828"/>
      <c r="AD12" s="828"/>
      <c r="AE12" s="288"/>
      <c r="AF12" s="288"/>
      <c r="AW12" s="965"/>
      <c r="AX12" s="759"/>
      <c r="AY12" s="759"/>
      <c r="AZ12" s="759"/>
      <c r="BA12" s="759"/>
      <c r="BB12" s="759"/>
      <c r="BC12" s="759"/>
      <c r="BD12" s="813"/>
      <c r="BE12" s="813"/>
      <c r="BF12" s="813"/>
      <c r="BG12" s="813"/>
      <c r="BH12" s="811"/>
      <c r="BI12" s="811"/>
      <c r="BJ12" s="811"/>
      <c r="BK12" s="811"/>
      <c r="BL12" s="811"/>
      <c r="BM12" s="811"/>
      <c r="BN12" s="811"/>
      <c r="BO12" s="811"/>
      <c r="BP12" s="811"/>
      <c r="BQ12" s="948"/>
      <c r="BR12" s="948"/>
      <c r="BS12" s="948"/>
      <c r="BT12" s="948"/>
      <c r="BU12" s="948"/>
      <c r="BV12" s="948"/>
      <c r="BW12" s="948"/>
      <c r="BX12" s="948"/>
      <c r="BY12" s="948"/>
      <c r="BZ12" s="948"/>
      <c r="CA12" s="948"/>
      <c r="CB12" s="948"/>
      <c r="CC12" s="948"/>
      <c r="CD12" s="948"/>
      <c r="CE12" s="948"/>
      <c r="CF12" s="759"/>
      <c r="CG12" s="759"/>
      <c r="CH12" s="759"/>
      <c r="CI12" s="760"/>
    </row>
    <row r="13" spans="1:87" ht="10.5" customHeight="1">
      <c r="A13" s="836"/>
      <c r="B13" s="837"/>
      <c r="C13" s="827"/>
      <c r="D13" s="828"/>
      <c r="E13" s="828"/>
      <c r="F13" s="828"/>
      <c r="G13" s="829"/>
      <c r="H13" s="225"/>
      <c r="I13" s="838"/>
      <c r="J13" s="838"/>
      <c r="K13" s="833"/>
      <c r="L13" s="833"/>
      <c r="M13" s="833"/>
      <c r="N13" s="822"/>
      <c r="O13" s="822"/>
      <c r="P13" s="822"/>
      <c r="Q13" s="69"/>
      <c r="R13" s="828"/>
      <c r="S13" s="828"/>
      <c r="T13" s="828"/>
      <c r="U13" s="828"/>
      <c r="V13" s="228"/>
      <c r="W13" s="822"/>
      <c r="X13" s="822"/>
      <c r="Y13" s="822"/>
      <c r="AA13" s="272"/>
      <c r="AB13" s="273"/>
      <c r="AC13" s="272"/>
      <c r="AD13" s="272"/>
      <c r="AE13" s="894"/>
      <c r="AF13" s="895"/>
      <c r="AG13" s="895"/>
      <c r="AH13" s="895"/>
      <c r="AI13" s="895"/>
      <c r="AJ13" s="895"/>
      <c r="AK13" s="895"/>
      <c r="AL13" s="895"/>
      <c r="AW13" s="965"/>
      <c r="AX13" s="759"/>
      <c r="AY13" s="759"/>
      <c r="AZ13" s="759"/>
      <c r="BA13" s="759"/>
      <c r="BB13" s="759"/>
      <c r="BC13" s="759"/>
      <c r="BD13" s="813"/>
      <c r="BE13" s="813"/>
      <c r="BF13" s="813"/>
      <c r="BG13" s="813"/>
      <c r="BH13" s="811"/>
      <c r="BI13" s="811"/>
      <c r="BJ13" s="811"/>
      <c r="BK13" s="811"/>
      <c r="BL13" s="811"/>
      <c r="BM13" s="811"/>
      <c r="BN13" s="811"/>
      <c r="BO13" s="811"/>
      <c r="BP13" s="811"/>
      <c r="BQ13" s="948"/>
      <c r="BR13" s="948"/>
      <c r="BS13" s="948"/>
      <c r="BT13" s="948"/>
      <c r="BU13" s="948"/>
      <c r="BV13" s="948"/>
      <c r="BW13" s="948"/>
      <c r="BX13" s="948"/>
      <c r="BY13" s="948"/>
      <c r="BZ13" s="948"/>
      <c r="CA13" s="948"/>
      <c r="CB13" s="948"/>
      <c r="CC13" s="948"/>
      <c r="CD13" s="948"/>
      <c r="CE13" s="948"/>
      <c r="CF13" s="759"/>
      <c r="CG13" s="759"/>
      <c r="CH13" s="759"/>
      <c r="CI13" s="760"/>
    </row>
    <row r="14" spans="1:87" ht="10.5" customHeight="1">
      <c r="A14" s="836"/>
      <c r="B14" s="837"/>
      <c r="C14" s="827"/>
      <c r="D14" s="828"/>
      <c r="E14" s="828"/>
      <c r="F14" s="828"/>
      <c r="G14" s="829"/>
      <c r="H14" s="225"/>
      <c r="I14" s="838"/>
      <c r="J14" s="838"/>
      <c r="K14" s="833"/>
      <c r="L14" s="833"/>
      <c r="M14" s="833"/>
      <c r="N14" s="822"/>
      <c r="O14" s="822"/>
      <c r="P14" s="822"/>
      <c r="Q14" s="69"/>
      <c r="R14" s="828"/>
      <c r="S14" s="828"/>
      <c r="T14" s="828"/>
      <c r="U14" s="828"/>
      <c r="V14" s="228"/>
      <c r="W14" s="822"/>
      <c r="X14" s="822"/>
      <c r="Y14" s="822"/>
      <c r="AE14" s="895"/>
      <c r="AF14" s="895"/>
      <c r="AG14" s="895"/>
      <c r="AH14" s="895"/>
      <c r="AI14" s="895"/>
      <c r="AJ14" s="895"/>
      <c r="AK14" s="895"/>
      <c r="AL14" s="895"/>
      <c r="AW14" s="965"/>
      <c r="AX14" s="759"/>
      <c r="AY14" s="759"/>
      <c r="AZ14" s="759"/>
      <c r="BA14" s="759"/>
      <c r="BB14" s="759"/>
      <c r="BC14" s="759"/>
      <c r="BD14" s="813"/>
      <c r="BE14" s="813"/>
      <c r="BF14" s="813"/>
      <c r="BG14" s="813"/>
      <c r="BH14" s="811"/>
      <c r="BI14" s="811"/>
      <c r="BJ14" s="811"/>
      <c r="BK14" s="811"/>
      <c r="BL14" s="811"/>
      <c r="BM14" s="811"/>
      <c r="BN14" s="811"/>
      <c r="BO14" s="811"/>
      <c r="BP14" s="811"/>
      <c r="BQ14" s="948"/>
      <c r="BR14" s="948"/>
      <c r="BS14" s="948"/>
      <c r="BT14" s="948"/>
      <c r="BU14" s="948"/>
      <c r="BV14" s="948"/>
      <c r="BW14" s="948"/>
      <c r="BX14" s="948"/>
      <c r="BY14" s="948"/>
      <c r="BZ14" s="948"/>
      <c r="CA14" s="948"/>
      <c r="CB14" s="948"/>
      <c r="CC14" s="948"/>
      <c r="CD14" s="948"/>
      <c r="CE14" s="948"/>
      <c r="CF14" s="759"/>
      <c r="CG14" s="759"/>
      <c r="CH14" s="759"/>
      <c r="CI14" s="760"/>
    </row>
    <row r="15" spans="1:87" ht="10.5" customHeight="1">
      <c r="A15" s="180">
        <v>1</v>
      </c>
      <c r="B15" s="13">
        <v>2</v>
      </c>
      <c r="C15" s="12">
        <v>3</v>
      </c>
      <c r="D15" s="11"/>
      <c r="E15" s="11"/>
      <c r="F15" s="11"/>
      <c r="G15" s="181">
        <v>7</v>
      </c>
      <c r="H15" s="121"/>
      <c r="I15" s="838"/>
      <c r="J15" s="838"/>
      <c r="K15" s="833"/>
      <c r="L15" s="833"/>
      <c r="M15" s="833"/>
      <c r="N15" s="822"/>
      <c r="O15" s="822"/>
      <c r="P15" s="822"/>
      <c r="Q15" s="69"/>
      <c r="R15" s="828"/>
      <c r="S15" s="828"/>
      <c r="T15" s="828"/>
      <c r="U15" s="828"/>
      <c r="V15" s="228"/>
      <c r="W15" s="822"/>
      <c r="X15" s="822"/>
      <c r="Y15" s="822"/>
      <c r="AE15" s="895"/>
      <c r="AF15" s="895"/>
      <c r="AG15" s="895"/>
      <c r="AH15" s="895"/>
      <c r="AI15" s="895"/>
      <c r="AJ15" s="895"/>
      <c r="AK15" s="895"/>
      <c r="AL15" s="895"/>
      <c r="AW15" s="965"/>
      <c r="AX15" s="759"/>
      <c r="AY15" s="759"/>
      <c r="AZ15" s="759"/>
      <c r="BA15" s="759"/>
      <c r="BB15" s="759"/>
      <c r="BC15" s="759"/>
      <c r="BD15" s="813"/>
      <c r="BE15" s="813"/>
      <c r="BF15" s="813"/>
      <c r="BG15" s="813"/>
      <c r="BH15" s="811"/>
      <c r="BI15" s="811"/>
      <c r="BJ15" s="811"/>
      <c r="BK15" s="811"/>
      <c r="BL15" s="811"/>
      <c r="BM15" s="811"/>
      <c r="BN15" s="811"/>
      <c r="BO15" s="811"/>
      <c r="BP15" s="811"/>
      <c r="BQ15" s="948"/>
      <c r="BR15" s="948"/>
      <c r="BS15" s="948"/>
      <c r="BT15" s="948"/>
      <c r="BU15" s="948"/>
      <c r="BV15" s="948"/>
      <c r="BW15" s="948"/>
      <c r="BX15" s="948"/>
      <c r="BY15" s="948"/>
      <c r="BZ15" s="948"/>
      <c r="CA15" s="948"/>
      <c r="CB15" s="948"/>
      <c r="CC15" s="948"/>
      <c r="CD15" s="948"/>
      <c r="CE15" s="948"/>
      <c r="CF15" s="759"/>
      <c r="CG15" s="759"/>
      <c r="CH15" s="759"/>
      <c r="CI15" s="760"/>
    </row>
    <row r="16" spans="1:87" ht="10.5" customHeight="1">
      <c r="A16" s="864" t="s">
        <v>318</v>
      </c>
      <c r="B16" s="867" t="s">
        <v>318</v>
      </c>
      <c r="C16" s="870" t="s">
        <v>319</v>
      </c>
      <c r="D16" s="830">
        <v>8</v>
      </c>
      <c r="E16" s="830">
        <v>8</v>
      </c>
      <c r="F16" s="830">
        <v>8</v>
      </c>
      <c r="G16" s="887">
        <v>8</v>
      </c>
      <c r="H16" s="227"/>
      <c r="I16" s="838"/>
      <c r="J16" s="838"/>
      <c r="K16" s="833"/>
      <c r="L16" s="833"/>
      <c r="M16" s="833"/>
      <c r="N16" s="886"/>
      <c r="O16" s="886"/>
      <c r="P16" s="886"/>
      <c r="Q16" s="69"/>
      <c r="R16" s="828"/>
      <c r="S16" s="828"/>
      <c r="T16" s="828"/>
      <c r="U16" s="828"/>
      <c r="V16" s="228"/>
      <c r="W16" s="890"/>
      <c r="X16" s="891"/>
      <c r="Y16" s="891"/>
      <c r="AW16" s="965"/>
      <c r="AX16" s="759"/>
      <c r="AY16" s="759"/>
      <c r="AZ16" s="759"/>
      <c r="BA16" s="759"/>
      <c r="BB16" s="759"/>
      <c r="BC16" s="759"/>
      <c r="BD16" s="813"/>
      <c r="BE16" s="813"/>
      <c r="BF16" s="813"/>
      <c r="BG16" s="813"/>
      <c r="BH16" s="811"/>
      <c r="BI16" s="811"/>
      <c r="BJ16" s="811"/>
      <c r="BK16" s="811"/>
      <c r="BL16" s="811"/>
      <c r="BM16" s="811"/>
      <c r="BN16" s="811"/>
      <c r="BO16" s="811"/>
      <c r="BP16" s="811"/>
      <c r="BQ16" s="948"/>
      <c r="BR16" s="948"/>
      <c r="BS16" s="948"/>
      <c r="BT16" s="948"/>
      <c r="BU16" s="948"/>
      <c r="BV16" s="948"/>
      <c r="BW16" s="948"/>
      <c r="BX16" s="948"/>
      <c r="BY16" s="948"/>
      <c r="BZ16" s="948"/>
      <c r="CA16" s="948"/>
      <c r="CB16" s="948"/>
      <c r="CC16" s="948"/>
      <c r="CD16" s="948"/>
      <c r="CE16" s="948"/>
      <c r="CF16" s="759"/>
      <c r="CG16" s="759"/>
      <c r="CH16" s="759"/>
      <c r="CI16" s="760"/>
    </row>
    <row r="17" spans="1:87" ht="10.5" customHeight="1" thickBot="1">
      <c r="A17" s="865"/>
      <c r="B17" s="868"/>
      <c r="C17" s="871"/>
      <c r="D17" s="831"/>
      <c r="E17" s="831"/>
      <c r="F17" s="831"/>
      <c r="G17" s="888"/>
      <c r="H17" s="225"/>
      <c r="I17" s="838"/>
      <c r="J17" s="838"/>
      <c r="K17" s="833"/>
      <c r="L17" s="833"/>
      <c r="M17" s="833"/>
      <c r="N17" s="886"/>
      <c r="O17" s="886"/>
      <c r="P17" s="886"/>
      <c r="Q17" s="69"/>
      <c r="R17" s="828"/>
      <c r="S17" s="828"/>
      <c r="T17" s="828"/>
      <c r="U17" s="828"/>
      <c r="V17" s="228"/>
      <c r="W17" s="891"/>
      <c r="X17" s="891"/>
      <c r="Y17" s="891"/>
      <c r="AW17" s="966"/>
      <c r="AX17" s="761"/>
      <c r="AY17" s="761"/>
      <c r="AZ17" s="761"/>
      <c r="BA17" s="761"/>
      <c r="BB17" s="761"/>
      <c r="BC17" s="761"/>
      <c r="BD17" s="814"/>
      <c r="BE17" s="814"/>
      <c r="BF17" s="814"/>
      <c r="BG17" s="814"/>
      <c r="BH17" s="812"/>
      <c r="BI17" s="812"/>
      <c r="BJ17" s="812"/>
      <c r="BK17" s="812"/>
      <c r="BL17" s="812"/>
      <c r="BM17" s="812"/>
      <c r="BN17" s="812"/>
      <c r="BO17" s="812"/>
      <c r="BP17" s="812"/>
      <c r="BQ17" s="949"/>
      <c r="BR17" s="949"/>
      <c r="BS17" s="949"/>
      <c r="BT17" s="949"/>
      <c r="BU17" s="949"/>
      <c r="BV17" s="949"/>
      <c r="BW17" s="949"/>
      <c r="BX17" s="949"/>
      <c r="BY17" s="949"/>
      <c r="BZ17" s="949"/>
      <c r="CA17" s="949"/>
      <c r="CB17" s="949"/>
      <c r="CC17" s="949"/>
      <c r="CD17" s="949"/>
      <c r="CE17" s="949"/>
      <c r="CF17" s="761"/>
      <c r="CG17" s="761"/>
      <c r="CH17" s="761"/>
      <c r="CI17" s="762"/>
    </row>
    <row r="18" spans="1:87" ht="10.5" customHeight="1">
      <c r="A18" s="865"/>
      <c r="B18" s="868"/>
      <c r="C18" s="871"/>
      <c r="D18" s="831"/>
      <c r="E18" s="831"/>
      <c r="F18" s="831"/>
      <c r="G18" s="888"/>
      <c r="H18" s="225"/>
      <c r="I18" s="838"/>
      <c r="J18" s="838"/>
      <c r="K18" s="833"/>
      <c r="L18" s="833"/>
      <c r="M18" s="833"/>
      <c r="N18" s="886"/>
      <c r="O18" s="886"/>
      <c r="P18" s="886"/>
      <c r="Q18" s="69"/>
      <c r="R18" s="828"/>
      <c r="S18" s="828"/>
      <c r="T18" s="828"/>
      <c r="U18" s="828"/>
      <c r="V18" s="228"/>
      <c r="W18" s="891"/>
      <c r="X18" s="891"/>
      <c r="Y18" s="891"/>
      <c r="AW18" s="806" t="s">
        <v>269</v>
      </c>
      <c r="AX18" s="807"/>
      <c r="AY18" s="807"/>
      <c r="AZ18" s="807"/>
      <c r="BA18" s="807"/>
      <c r="BB18" s="807"/>
      <c r="BC18" s="808"/>
      <c r="BD18" s="763">
        <v>4</v>
      </c>
      <c r="BE18" s="809">
        <v>0</v>
      </c>
      <c r="BF18" s="809">
        <v>1</v>
      </c>
      <c r="BG18" s="809">
        <v>0</v>
      </c>
      <c r="BH18" s="124"/>
      <c r="BI18" s="125"/>
      <c r="BJ18" s="125"/>
      <c r="BK18" s="124"/>
      <c r="BL18" s="125"/>
      <c r="BM18" s="125"/>
      <c r="BN18" s="124"/>
      <c r="BO18" s="125"/>
      <c r="BP18" s="125"/>
      <c r="BQ18" s="124"/>
      <c r="BR18" s="125"/>
      <c r="BS18" s="125"/>
      <c r="BT18" s="124"/>
      <c r="BU18" s="125"/>
      <c r="BV18" s="125"/>
      <c r="BW18" s="124"/>
      <c r="BX18" s="125"/>
      <c r="BY18" s="125"/>
      <c r="BZ18" s="124"/>
      <c r="CA18" s="125"/>
      <c r="CB18" s="125"/>
      <c r="CC18" s="124"/>
      <c r="CD18" s="125"/>
      <c r="CE18" s="125"/>
      <c r="CF18" s="126"/>
      <c r="CG18" s="124"/>
      <c r="CH18" s="125"/>
      <c r="CI18" s="127"/>
    </row>
    <row r="19" spans="1:87" ht="15.75" customHeight="1" thickBot="1">
      <c r="A19" s="866"/>
      <c r="B19" s="869"/>
      <c r="C19" s="872"/>
      <c r="D19" s="832"/>
      <c r="E19" s="832"/>
      <c r="F19" s="832"/>
      <c r="G19" s="889"/>
      <c r="H19" s="225"/>
      <c r="I19" s="838"/>
      <c r="J19" s="838"/>
      <c r="K19" s="833"/>
      <c r="L19" s="833"/>
      <c r="M19" s="833"/>
      <c r="N19" s="886"/>
      <c r="O19" s="886"/>
      <c r="P19" s="886"/>
      <c r="Q19" s="69"/>
      <c r="R19" s="828"/>
      <c r="S19" s="828"/>
      <c r="T19" s="828"/>
      <c r="U19" s="828"/>
      <c r="V19" s="228"/>
      <c r="W19" s="891"/>
      <c r="X19" s="891"/>
      <c r="Y19" s="891"/>
      <c r="AW19" s="797"/>
      <c r="AX19" s="798"/>
      <c r="AY19" s="798"/>
      <c r="AZ19" s="798"/>
      <c r="BA19" s="798"/>
      <c r="BB19" s="798"/>
      <c r="BC19" s="799"/>
      <c r="BD19" s="764"/>
      <c r="BE19" s="810"/>
      <c r="BF19" s="810"/>
      <c r="BG19" s="810"/>
      <c r="BH19" s="128"/>
      <c r="BI19" s="69"/>
      <c r="BJ19" s="69"/>
      <c r="BK19" s="128"/>
      <c r="BL19" s="69"/>
      <c r="BM19" s="69"/>
      <c r="BN19" s="128"/>
      <c r="BO19" s="69"/>
      <c r="BP19" s="69"/>
      <c r="BQ19" s="128"/>
      <c r="BR19" s="69"/>
      <c r="BS19" s="69"/>
      <c r="BT19" s="128"/>
      <c r="BU19" s="69"/>
      <c r="BV19" s="69"/>
      <c r="BW19" s="128"/>
      <c r="BX19" s="69"/>
      <c r="BY19" s="69"/>
      <c r="BZ19" s="128"/>
      <c r="CA19" s="69"/>
      <c r="CB19" s="69"/>
      <c r="CC19" s="128"/>
      <c r="CD19" s="69"/>
      <c r="CE19" s="69"/>
      <c r="CF19" s="129"/>
      <c r="CG19" s="128"/>
      <c r="CH19" s="69"/>
      <c r="CI19" s="130"/>
    </row>
    <row r="20" spans="1:87" ht="10.5" customHeight="1">
      <c r="AW20" s="797"/>
      <c r="AX20" s="798"/>
      <c r="AY20" s="798"/>
      <c r="AZ20" s="798"/>
      <c r="BA20" s="798"/>
      <c r="BB20" s="798"/>
      <c r="BC20" s="799"/>
      <c r="BD20" s="764"/>
      <c r="BE20" s="810"/>
      <c r="BF20" s="810"/>
      <c r="BG20" s="810"/>
      <c r="BH20" s="128"/>
      <c r="BI20" s="122"/>
      <c r="BJ20" s="69"/>
      <c r="BK20" s="128"/>
      <c r="BL20" s="122"/>
      <c r="BM20" s="69"/>
      <c r="BN20" s="128"/>
      <c r="BO20" s="122"/>
      <c r="BP20" s="69"/>
      <c r="BQ20" s="128"/>
      <c r="BR20" s="122"/>
      <c r="BS20" s="69"/>
      <c r="BT20" s="128"/>
      <c r="BU20" s="122"/>
      <c r="BV20" s="69"/>
      <c r="BW20" s="128"/>
      <c r="BX20" s="122"/>
      <c r="BY20" s="69"/>
      <c r="BZ20" s="128"/>
      <c r="CA20" s="122"/>
      <c r="CB20" s="69"/>
      <c r="CC20" s="128"/>
      <c r="CD20" s="122"/>
      <c r="CE20" s="69"/>
      <c r="CF20" s="129"/>
      <c r="CG20" s="128"/>
      <c r="CH20" s="132"/>
      <c r="CI20" s="130"/>
    </row>
    <row r="21" spans="1:87" ht="10.5" customHeight="1">
      <c r="AW21" s="800"/>
      <c r="AX21" s="801"/>
      <c r="AY21" s="801"/>
      <c r="AZ21" s="801"/>
      <c r="BA21" s="801"/>
      <c r="BB21" s="801"/>
      <c r="BC21" s="802"/>
      <c r="BD21" s="765"/>
      <c r="BE21" s="810"/>
      <c r="BF21" s="810"/>
      <c r="BG21" s="810"/>
      <c r="BH21" s="128"/>
      <c r="BI21" s="123"/>
      <c r="BJ21" s="123"/>
      <c r="BK21" s="128"/>
      <c r="BL21" s="123"/>
      <c r="BM21" s="123"/>
      <c r="BN21" s="128"/>
      <c r="BO21" s="123"/>
      <c r="BP21" s="123"/>
      <c r="BQ21" s="128"/>
      <c r="BR21" s="123"/>
      <c r="BS21" s="123"/>
      <c r="BT21" s="128"/>
      <c r="BU21" s="123"/>
      <c r="BV21" s="123"/>
      <c r="BW21" s="128"/>
      <c r="BX21" s="123"/>
      <c r="BY21" s="123"/>
      <c r="BZ21" s="128"/>
      <c r="CA21" s="123"/>
      <c r="CB21" s="123"/>
      <c r="CC21" s="128"/>
      <c r="CD21" s="123"/>
      <c r="CE21" s="120"/>
      <c r="CF21" s="133"/>
      <c r="CG21" s="134"/>
      <c r="CH21" s="135"/>
      <c r="CI21" s="136"/>
    </row>
    <row r="22" spans="1:87" ht="10.5" customHeight="1">
      <c r="AW22" s="794" t="s">
        <v>269</v>
      </c>
      <c r="AX22" s="795"/>
      <c r="AY22" s="795"/>
      <c r="AZ22" s="795"/>
      <c r="BA22" s="795"/>
      <c r="BB22" s="795"/>
      <c r="BC22" s="796"/>
      <c r="BD22" s="823">
        <v>4</v>
      </c>
      <c r="BE22" s="810">
        <v>0</v>
      </c>
      <c r="BF22" s="810">
        <v>2</v>
      </c>
      <c r="BG22" s="810">
        <v>0</v>
      </c>
      <c r="BH22" s="137"/>
      <c r="BI22" s="138"/>
      <c r="BJ22" s="138"/>
      <c r="BK22" s="137"/>
      <c r="BL22" s="138"/>
      <c r="BM22" s="138"/>
      <c r="BN22" s="137"/>
      <c r="BO22" s="138"/>
      <c r="BP22" s="138"/>
      <c r="BQ22" s="137"/>
      <c r="BR22" s="138"/>
      <c r="BS22" s="138"/>
      <c r="BT22" s="137"/>
      <c r="BU22" s="138"/>
      <c r="BV22" s="138"/>
      <c r="BW22" s="137"/>
      <c r="BX22" s="138"/>
      <c r="BY22" s="138"/>
      <c r="BZ22" s="137"/>
      <c r="CA22" s="138"/>
      <c r="CB22" s="138"/>
      <c r="CC22" s="137"/>
      <c r="CD22" s="138"/>
      <c r="CE22" s="138"/>
      <c r="CF22" s="139"/>
      <c r="CG22" s="137"/>
      <c r="CH22" s="138"/>
      <c r="CI22" s="140"/>
    </row>
    <row r="23" spans="1:87" ht="10.5" customHeight="1">
      <c r="AW23" s="797"/>
      <c r="AX23" s="798"/>
      <c r="AY23" s="798"/>
      <c r="AZ23" s="798"/>
      <c r="BA23" s="798"/>
      <c r="BB23" s="798"/>
      <c r="BC23" s="799"/>
      <c r="BD23" s="764"/>
      <c r="BE23" s="810"/>
      <c r="BF23" s="810"/>
      <c r="BG23" s="810"/>
      <c r="BH23" s="128"/>
      <c r="BI23" s="69"/>
      <c r="BJ23" s="69"/>
      <c r="BK23" s="128"/>
      <c r="BL23" s="69"/>
      <c r="BM23" s="69" t="s">
        <v>793</v>
      </c>
      <c r="BN23" s="128"/>
      <c r="BO23" s="69"/>
      <c r="BP23" s="69"/>
      <c r="BQ23" s="128"/>
      <c r="BR23" s="69"/>
      <c r="BS23" s="69"/>
      <c r="BT23" s="128"/>
      <c r="BU23" s="69"/>
      <c r="BV23" s="69"/>
      <c r="BW23" s="128"/>
      <c r="BX23" s="69"/>
      <c r="BY23" s="69"/>
      <c r="BZ23" s="128"/>
      <c r="CA23" s="69"/>
      <c r="CB23" s="69"/>
      <c r="CC23" s="128"/>
      <c r="CD23" s="69"/>
      <c r="CE23" s="69"/>
      <c r="CF23" s="129"/>
      <c r="CG23" s="128"/>
      <c r="CH23" s="69"/>
      <c r="CI23" s="130"/>
    </row>
    <row r="24" spans="1:87" ht="10.5" customHeight="1">
      <c r="A24" s="885" t="s">
        <v>438</v>
      </c>
      <c r="B24" s="885"/>
      <c r="C24" s="885"/>
      <c r="D24" s="885"/>
      <c r="E24" s="885"/>
      <c r="F24" s="885"/>
      <c r="G24" s="885"/>
      <c r="H24" s="885"/>
      <c r="I24" s="885"/>
      <c r="J24" s="885"/>
      <c r="K24" s="885"/>
      <c r="L24" s="885"/>
      <c r="M24" s="885"/>
      <c r="N24" s="885"/>
      <c r="O24" s="885"/>
      <c r="P24" s="885"/>
      <c r="Q24" s="885"/>
      <c r="R24" s="885"/>
      <c r="S24" s="885"/>
      <c r="T24" s="885"/>
      <c r="U24" s="885"/>
      <c r="V24" s="885"/>
      <c r="W24" s="885"/>
      <c r="X24" s="885"/>
      <c r="Y24" s="885"/>
      <c r="Z24" s="885"/>
      <c r="AA24" s="885"/>
      <c r="AB24" s="885"/>
      <c r="AC24" s="885"/>
      <c r="AD24" s="885"/>
      <c r="AW24" s="797"/>
      <c r="AX24" s="798"/>
      <c r="AY24" s="798"/>
      <c r="AZ24" s="798"/>
      <c r="BA24" s="798"/>
      <c r="BB24" s="798"/>
      <c r="BC24" s="799"/>
      <c r="BD24" s="764"/>
      <c r="BE24" s="810"/>
      <c r="BF24" s="810"/>
      <c r="BG24" s="810"/>
      <c r="BH24" s="128"/>
      <c r="BI24" s="122"/>
      <c r="BJ24" s="69"/>
      <c r="BK24" s="128"/>
      <c r="BL24" s="122"/>
      <c r="BM24" s="69" t="s">
        <v>794</v>
      </c>
      <c r="BN24" s="128"/>
      <c r="BO24" s="122"/>
      <c r="BP24" s="69"/>
      <c r="BQ24" s="128"/>
      <c r="BR24" s="122"/>
      <c r="BS24" s="69"/>
      <c r="BT24" s="128"/>
      <c r="BU24" s="122"/>
      <c r="BV24" s="69"/>
      <c r="BW24" s="128"/>
      <c r="BX24" s="122"/>
      <c r="BY24" s="69"/>
      <c r="BZ24" s="128"/>
      <c r="CA24" s="122"/>
      <c r="CB24" s="69"/>
      <c r="CC24" s="128"/>
      <c r="CD24" s="122"/>
      <c r="CE24" s="69"/>
      <c r="CF24" s="129"/>
      <c r="CG24" s="128"/>
      <c r="CH24" s="132"/>
      <c r="CI24" s="130"/>
    </row>
    <row r="25" spans="1:87" ht="10.5" customHeight="1">
      <c r="A25" s="885"/>
      <c r="B25" s="885"/>
      <c r="C25" s="885"/>
      <c r="D25" s="885"/>
      <c r="E25" s="885"/>
      <c r="F25" s="885"/>
      <c r="G25" s="885"/>
      <c r="H25" s="885"/>
      <c r="I25" s="885"/>
      <c r="J25" s="885"/>
      <c r="K25" s="885"/>
      <c r="L25" s="885"/>
      <c r="M25" s="885"/>
      <c r="N25" s="885"/>
      <c r="O25" s="885"/>
      <c r="P25" s="885"/>
      <c r="Q25" s="885"/>
      <c r="R25" s="885"/>
      <c r="S25" s="885"/>
      <c r="T25" s="885"/>
      <c r="U25" s="885"/>
      <c r="V25" s="885"/>
      <c r="W25" s="885"/>
      <c r="X25" s="885"/>
      <c r="Y25" s="885"/>
      <c r="Z25" s="885"/>
      <c r="AA25" s="885"/>
      <c r="AB25" s="885"/>
      <c r="AC25" s="885"/>
      <c r="AD25" s="885"/>
      <c r="AW25" s="800"/>
      <c r="AX25" s="801"/>
      <c r="AY25" s="801"/>
      <c r="AZ25" s="801"/>
      <c r="BA25" s="801"/>
      <c r="BB25" s="801"/>
      <c r="BC25" s="802"/>
      <c r="BD25" s="765"/>
      <c r="BE25" s="810"/>
      <c r="BF25" s="810"/>
      <c r="BG25" s="810"/>
      <c r="BH25" s="128"/>
      <c r="BI25" s="123"/>
      <c r="BJ25" s="123"/>
      <c r="BK25" s="128"/>
      <c r="BL25" s="123"/>
      <c r="BM25" s="123"/>
      <c r="BN25" s="128"/>
      <c r="BO25" s="123"/>
      <c r="BP25" s="123"/>
      <c r="BQ25" s="128"/>
      <c r="BR25" s="123"/>
      <c r="BS25" s="123"/>
      <c r="BT25" s="128"/>
      <c r="BU25" s="123"/>
      <c r="BV25" s="123"/>
      <c r="BW25" s="128"/>
      <c r="BX25" s="123"/>
      <c r="BY25" s="123"/>
      <c r="BZ25" s="128"/>
      <c r="CA25" s="123"/>
      <c r="CB25" s="123"/>
      <c r="CC25" s="128"/>
      <c r="CD25" s="123"/>
      <c r="CE25" s="120"/>
      <c r="CF25" s="133"/>
      <c r="CG25" s="134"/>
      <c r="CH25" s="135"/>
      <c r="CI25" s="136"/>
    </row>
    <row r="26" spans="1:87" ht="10.5" customHeight="1">
      <c r="A26" s="885"/>
      <c r="B26" s="885"/>
      <c r="C26" s="885"/>
      <c r="D26" s="885"/>
      <c r="E26" s="885"/>
      <c r="F26" s="885"/>
      <c r="G26" s="885"/>
      <c r="H26" s="885"/>
      <c r="I26" s="885"/>
      <c r="J26" s="885"/>
      <c r="K26" s="885"/>
      <c r="L26" s="885"/>
      <c r="M26" s="885"/>
      <c r="N26" s="885"/>
      <c r="O26" s="885"/>
      <c r="P26" s="885"/>
      <c r="Q26" s="885"/>
      <c r="R26" s="885"/>
      <c r="S26" s="885"/>
      <c r="T26" s="885"/>
      <c r="U26" s="885"/>
      <c r="V26" s="885"/>
      <c r="W26" s="885"/>
      <c r="X26" s="885"/>
      <c r="Y26" s="885"/>
      <c r="Z26" s="885"/>
      <c r="AA26" s="885"/>
      <c r="AB26" s="885"/>
      <c r="AC26" s="885"/>
      <c r="AD26" s="885"/>
      <c r="AW26" s="794" t="s">
        <v>269</v>
      </c>
      <c r="AX26" s="795"/>
      <c r="AY26" s="795"/>
      <c r="AZ26" s="795"/>
      <c r="BA26" s="795"/>
      <c r="BB26" s="795"/>
      <c r="BC26" s="796"/>
      <c r="BD26" s="823">
        <v>4</v>
      </c>
      <c r="BE26" s="810">
        <v>0</v>
      </c>
      <c r="BF26" s="810">
        <v>3</v>
      </c>
      <c r="BG26" s="810">
        <v>0</v>
      </c>
      <c r="BH26" s="137"/>
      <c r="BI26" s="138"/>
      <c r="BJ26" s="138"/>
      <c r="BK26" s="137"/>
      <c r="BL26" s="138"/>
      <c r="BM26" s="138"/>
      <c r="BN26" s="137"/>
      <c r="BO26" s="138"/>
      <c r="BP26" s="138"/>
      <c r="BQ26" s="137"/>
      <c r="BR26" s="138"/>
      <c r="BS26" s="138"/>
      <c r="BT26" s="137"/>
      <c r="BU26" s="138"/>
      <c r="BV26" s="138"/>
      <c r="BW26" s="137"/>
      <c r="BX26" s="138"/>
      <c r="BY26" s="138"/>
      <c r="BZ26" s="137"/>
      <c r="CA26" s="138"/>
      <c r="CB26" s="138"/>
      <c r="CC26" s="137"/>
      <c r="CD26" s="138"/>
      <c r="CE26" s="138"/>
      <c r="CF26" s="139"/>
      <c r="CG26" s="137"/>
      <c r="CH26" s="138"/>
      <c r="CI26" s="140"/>
    </row>
    <row r="27" spans="1:87" ht="10.5" customHeight="1" thickBot="1">
      <c r="A27" s="131"/>
      <c r="B27" s="131"/>
      <c r="C27" s="131"/>
      <c r="D27" s="131"/>
      <c r="E27" s="131"/>
      <c r="F27" s="131"/>
      <c r="G27" s="131"/>
      <c r="H27" s="131"/>
      <c r="I27" s="131"/>
      <c r="J27" s="131"/>
      <c r="K27" s="131"/>
      <c r="L27" s="131"/>
      <c r="M27" s="131"/>
      <c r="N27" s="131"/>
      <c r="O27" s="131"/>
      <c r="P27" s="131"/>
      <c r="AW27" s="797"/>
      <c r="AX27" s="798"/>
      <c r="AY27" s="798"/>
      <c r="AZ27" s="798"/>
      <c r="BA27" s="798"/>
      <c r="BB27" s="798"/>
      <c r="BC27" s="799"/>
      <c r="BD27" s="764"/>
      <c r="BE27" s="810"/>
      <c r="BF27" s="810"/>
      <c r="BG27" s="810"/>
      <c r="BH27" s="128"/>
      <c r="BI27" s="69"/>
      <c r="BJ27" s="69"/>
      <c r="BK27" s="128"/>
      <c r="BL27" s="69"/>
      <c r="BM27" s="69"/>
      <c r="BN27" s="128"/>
      <c r="BO27" s="69"/>
      <c r="BP27" s="69"/>
      <c r="BQ27" s="128"/>
      <c r="BR27" s="69"/>
      <c r="BS27" s="69"/>
      <c r="BT27" s="128"/>
      <c r="BU27" s="69"/>
      <c r="BV27" s="69"/>
      <c r="BW27" s="128"/>
      <c r="BX27" s="69"/>
      <c r="BY27" s="69"/>
      <c r="BZ27" s="128"/>
      <c r="CA27" s="69"/>
      <c r="CB27" s="69"/>
      <c r="CC27" s="128"/>
      <c r="CD27" s="69"/>
      <c r="CE27" s="69"/>
      <c r="CF27" s="129"/>
      <c r="CG27" s="128"/>
      <c r="CH27" s="69"/>
      <c r="CI27" s="130"/>
    </row>
    <row r="28" spans="1:87" ht="10.5" customHeight="1">
      <c r="A28" s="839" t="s">
        <v>317</v>
      </c>
      <c r="B28" s="826"/>
      <c r="C28" s="873" t="s">
        <v>270</v>
      </c>
      <c r="D28" s="880"/>
      <c r="E28" s="880"/>
      <c r="F28" s="880"/>
      <c r="G28" s="880"/>
      <c r="H28" s="874"/>
      <c r="I28" s="873" t="s">
        <v>271</v>
      </c>
      <c r="J28" s="880"/>
      <c r="K28" s="880"/>
      <c r="L28" s="880"/>
      <c r="M28" s="880"/>
      <c r="N28" s="874"/>
      <c r="O28" s="873" t="s">
        <v>261</v>
      </c>
      <c r="P28" s="874"/>
      <c r="AW28" s="797"/>
      <c r="AX28" s="798"/>
      <c r="AY28" s="798"/>
      <c r="AZ28" s="798"/>
      <c r="BA28" s="798"/>
      <c r="BB28" s="798"/>
      <c r="BC28" s="799"/>
      <c r="BD28" s="764"/>
      <c r="BE28" s="810"/>
      <c r="BF28" s="810"/>
      <c r="BG28" s="810"/>
      <c r="BH28" s="128"/>
      <c r="BI28" s="122"/>
      <c r="BJ28" s="69"/>
      <c r="BK28" s="128"/>
      <c r="BL28" s="122"/>
      <c r="BM28" s="69"/>
      <c r="BN28" s="128"/>
      <c r="BO28" s="122"/>
      <c r="BP28" s="69"/>
      <c r="BQ28" s="128"/>
      <c r="BR28" s="122"/>
      <c r="BS28" s="69"/>
      <c r="BT28" s="128"/>
      <c r="BU28" s="122"/>
      <c r="BV28" s="69"/>
      <c r="BW28" s="128"/>
      <c r="BX28" s="122"/>
      <c r="BY28" s="69"/>
      <c r="BZ28" s="128"/>
      <c r="CA28" s="122"/>
      <c r="CB28" s="69"/>
      <c r="CC28" s="128"/>
      <c r="CD28" s="122"/>
      <c r="CE28" s="69"/>
      <c r="CF28" s="129"/>
      <c r="CG28" s="128"/>
      <c r="CH28" s="132"/>
      <c r="CI28" s="130"/>
    </row>
    <row r="29" spans="1:87" ht="10.5" customHeight="1">
      <c r="A29" s="840"/>
      <c r="B29" s="829"/>
      <c r="C29" s="817"/>
      <c r="D29" s="881"/>
      <c r="E29" s="881"/>
      <c r="F29" s="881"/>
      <c r="G29" s="881"/>
      <c r="H29" s="820"/>
      <c r="I29" s="817"/>
      <c r="J29" s="881"/>
      <c r="K29" s="881"/>
      <c r="L29" s="881"/>
      <c r="M29" s="881"/>
      <c r="N29" s="820"/>
      <c r="O29" s="817"/>
      <c r="P29" s="820"/>
      <c r="AW29" s="800"/>
      <c r="AX29" s="801"/>
      <c r="AY29" s="801"/>
      <c r="AZ29" s="801"/>
      <c r="BA29" s="801"/>
      <c r="BB29" s="801"/>
      <c r="BC29" s="802"/>
      <c r="BD29" s="765"/>
      <c r="BE29" s="810"/>
      <c r="BF29" s="810"/>
      <c r="BG29" s="810"/>
      <c r="BH29" s="128"/>
      <c r="BI29" s="123"/>
      <c r="BJ29" s="123"/>
      <c r="BK29" s="128"/>
      <c r="BL29" s="123"/>
      <c r="BM29" s="123"/>
      <c r="BN29" s="128"/>
      <c r="BO29" s="123"/>
      <c r="BP29" s="123"/>
      <c r="BQ29" s="128"/>
      <c r="BR29" s="123"/>
      <c r="BS29" s="123"/>
      <c r="BT29" s="128"/>
      <c r="BU29" s="123"/>
      <c r="BV29" s="123"/>
      <c r="BW29" s="128"/>
      <c r="BX29" s="123"/>
      <c r="BY29" s="123"/>
      <c r="BZ29" s="128"/>
      <c r="CA29" s="123"/>
      <c r="CB29" s="123"/>
      <c r="CC29" s="128"/>
      <c r="CD29" s="123"/>
      <c r="CE29" s="120"/>
      <c r="CF29" s="133"/>
      <c r="CG29" s="134"/>
      <c r="CH29" s="135"/>
      <c r="CI29" s="136"/>
    </row>
    <row r="30" spans="1:87" ht="10.5" customHeight="1">
      <c r="A30" s="840"/>
      <c r="B30" s="829"/>
      <c r="C30" s="882"/>
      <c r="D30" s="883"/>
      <c r="E30" s="883"/>
      <c r="F30" s="883"/>
      <c r="G30" s="883"/>
      <c r="H30" s="884"/>
      <c r="I30" s="882"/>
      <c r="J30" s="883"/>
      <c r="K30" s="883"/>
      <c r="L30" s="883"/>
      <c r="M30" s="883"/>
      <c r="N30" s="884"/>
      <c r="O30" s="817"/>
      <c r="P30" s="820"/>
      <c r="AW30" s="794" t="s">
        <v>269</v>
      </c>
      <c r="AX30" s="795"/>
      <c r="AY30" s="795"/>
      <c r="AZ30" s="795"/>
      <c r="BA30" s="795"/>
      <c r="BB30" s="795"/>
      <c r="BC30" s="796"/>
      <c r="BD30" s="823">
        <v>4</v>
      </c>
      <c r="BE30" s="810">
        <v>0</v>
      </c>
      <c r="BF30" s="810">
        <v>4</v>
      </c>
      <c r="BG30" s="810">
        <v>0</v>
      </c>
      <c r="BH30" s="137"/>
      <c r="BI30" s="138"/>
      <c r="BJ30" s="138"/>
      <c r="BK30" s="137"/>
      <c r="BL30" s="138"/>
      <c r="BM30" s="138"/>
      <c r="BN30" s="137"/>
      <c r="BO30" s="138"/>
      <c r="BP30" s="138"/>
      <c r="BQ30" s="137"/>
      <c r="BR30" s="138"/>
      <c r="BS30" s="138"/>
      <c r="BT30" s="137"/>
      <c r="BU30" s="138"/>
      <c r="BV30" s="138"/>
      <c r="BW30" s="137"/>
      <c r="BX30" s="138"/>
      <c r="BY30" s="138"/>
      <c r="BZ30" s="137"/>
      <c r="CA30" s="138"/>
      <c r="CB30" s="138"/>
      <c r="CC30" s="137"/>
      <c r="CD30" s="138"/>
      <c r="CE30" s="138"/>
      <c r="CF30" s="139"/>
      <c r="CG30" s="137"/>
      <c r="CH30" s="138"/>
      <c r="CI30" s="140"/>
    </row>
    <row r="31" spans="1:87" ht="10.5" customHeight="1">
      <c r="A31" s="840"/>
      <c r="B31" s="829"/>
      <c r="C31" s="875" t="s">
        <v>272</v>
      </c>
      <c r="D31" s="768"/>
      <c r="E31" s="771" t="s">
        <v>273</v>
      </c>
      <c r="F31" s="772"/>
      <c r="G31" s="876" t="s">
        <v>274</v>
      </c>
      <c r="H31" s="877"/>
      <c r="I31" s="767" t="s">
        <v>356</v>
      </c>
      <c r="J31" s="768"/>
      <c r="K31" s="771" t="s">
        <v>357</v>
      </c>
      <c r="L31" s="772"/>
      <c r="M31" s="771" t="s">
        <v>358</v>
      </c>
      <c r="N31" s="877"/>
      <c r="O31" s="817"/>
      <c r="P31" s="820"/>
      <c r="R31" s="992"/>
      <c r="S31" s="838"/>
      <c r="T31" s="833"/>
      <c r="U31" s="833"/>
      <c r="V31" s="833"/>
      <c r="W31" s="822"/>
      <c r="X31" s="822"/>
      <c r="Y31" s="822"/>
      <c r="Z31" s="69"/>
      <c r="AA31" s="992"/>
      <c r="AB31" s="838"/>
      <c r="AC31" s="833"/>
      <c r="AD31" s="833"/>
      <c r="AE31" s="833"/>
      <c r="AF31" s="822"/>
      <c r="AG31" s="822"/>
      <c r="AH31" s="822"/>
      <c r="AW31" s="797"/>
      <c r="AX31" s="798"/>
      <c r="AY31" s="798"/>
      <c r="AZ31" s="798"/>
      <c r="BA31" s="798"/>
      <c r="BB31" s="798"/>
      <c r="BC31" s="799"/>
      <c r="BD31" s="764"/>
      <c r="BE31" s="810"/>
      <c r="BF31" s="810"/>
      <c r="BG31" s="810"/>
      <c r="BH31" s="128"/>
      <c r="BI31" s="69"/>
      <c r="BJ31" s="69"/>
      <c r="BK31" s="128"/>
      <c r="BL31" s="69"/>
      <c r="BM31" s="69"/>
      <c r="BN31" s="128"/>
      <c r="BO31" s="69"/>
      <c r="BP31" s="69"/>
      <c r="BQ31" s="128"/>
      <c r="BR31" s="69"/>
      <c r="BS31" s="69"/>
      <c r="BT31" s="128"/>
      <c r="BU31" s="69"/>
      <c r="BV31" s="69"/>
      <c r="BW31" s="128"/>
      <c r="BX31" s="69"/>
      <c r="BY31" s="69"/>
      <c r="BZ31" s="128"/>
      <c r="CA31" s="69"/>
      <c r="CB31" s="69"/>
      <c r="CC31" s="128"/>
      <c r="CD31" s="69"/>
      <c r="CE31" s="69"/>
      <c r="CF31" s="129"/>
      <c r="CG31" s="128"/>
      <c r="CH31" s="69"/>
      <c r="CI31" s="130"/>
    </row>
    <row r="32" spans="1:87" ht="10.5" customHeight="1">
      <c r="A32" s="840"/>
      <c r="B32" s="829"/>
      <c r="C32" s="769"/>
      <c r="D32" s="770"/>
      <c r="E32" s="773"/>
      <c r="F32" s="774"/>
      <c r="G32" s="878"/>
      <c r="H32" s="879"/>
      <c r="I32" s="769"/>
      <c r="J32" s="770"/>
      <c r="K32" s="773"/>
      <c r="L32" s="774"/>
      <c r="M32" s="878"/>
      <c r="N32" s="879"/>
      <c r="O32" s="817"/>
      <c r="P32" s="820"/>
      <c r="R32" s="838"/>
      <c r="S32" s="838"/>
      <c r="T32" s="833"/>
      <c r="U32" s="833"/>
      <c r="V32" s="833"/>
      <c r="W32" s="822"/>
      <c r="X32" s="822"/>
      <c r="Y32" s="822"/>
      <c r="Z32" s="69"/>
      <c r="AA32" s="838"/>
      <c r="AB32" s="838"/>
      <c r="AC32" s="833"/>
      <c r="AD32" s="833"/>
      <c r="AE32" s="833"/>
      <c r="AF32" s="822"/>
      <c r="AG32" s="822"/>
      <c r="AH32" s="822"/>
      <c r="AW32" s="797"/>
      <c r="AX32" s="798"/>
      <c r="AY32" s="798"/>
      <c r="AZ32" s="798"/>
      <c r="BA32" s="798"/>
      <c r="BB32" s="798"/>
      <c r="BC32" s="799"/>
      <c r="BD32" s="764"/>
      <c r="BE32" s="810"/>
      <c r="BF32" s="810"/>
      <c r="BG32" s="810"/>
      <c r="BH32" s="128"/>
      <c r="BI32" s="122"/>
      <c r="BJ32" s="69"/>
      <c r="BK32" s="128"/>
      <c r="BL32" s="122"/>
      <c r="BM32" s="69"/>
      <c r="BN32" s="128"/>
      <c r="BO32" s="122"/>
      <c r="BP32" s="69"/>
      <c r="BQ32" s="128"/>
      <c r="BR32" s="122"/>
      <c r="BS32" s="69"/>
      <c r="BT32" s="128"/>
      <c r="BU32" s="122"/>
      <c r="BV32" s="69"/>
      <c r="BW32" s="128"/>
      <c r="BX32" s="122"/>
      <c r="BY32" s="69"/>
      <c r="BZ32" s="128"/>
      <c r="CA32" s="122"/>
      <c r="CB32" s="69"/>
      <c r="CC32" s="128"/>
      <c r="CD32" s="122"/>
      <c r="CE32" s="69"/>
      <c r="CF32" s="129"/>
      <c r="CG32" s="128"/>
      <c r="CH32" s="132"/>
      <c r="CI32" s="130"/>
    </row>
    <row r="33" spans="1:87" ht="10.5" customHeight="1" thickBot="1">
      <c r="A33" s="840"/>
      <c r="B33" s="829"/>
      <c r="C33" s="769"/>
      <c r="D33" s="770"/>
      <c r="E33" s="773"/>
      <c r="F33" s="774"/>
      <c r="G33" s="878"/>
      <c r="H33" s="879"/>
      <c r="I33" s="769"/>
      <c r="J33" s="770"/>
      <c r="K33" s="773"/>
      <c r="L33" s="774"/>
      <c r="M33" s="878"/>
      <c r="N33" s="879"/>
      <c r="O33" s="817"/>
      <c r="P33" s="820"/>
      <c r="R33" s="838"/>
      <c r="S33" s="838"/>
      <c r="T33" s="833"/>
      <c r="U33" s="833"/>
      <c r="V33" s="833"/>
      <c r="W33" s="822"/>
      <c r="X33" s="822"/>
      <c r="Y33" s="822"/>
      <c r="Z33" s="69"/>
      <c r="AA33" s="838"/>
      <c r="AB33" s="838"/>
      <c r="AC33" s="833"/>
      <c r="AD33" s="833"/>
      <c r="AE33" s="833"/>
      <c r="AF33" s="822"/>
      <c r="AG33" s="822"/>
      <c r="AH33" s="822"/>
      <c r="AW33" s="803"/>
      <c r="AX33" s="804"/>
      <c r="AY33" s="804"/>
      <c r="AZ33" s="804"/>
      <c r="BA33" s="804"/>
      <c r="BB33" s="804"/>
      <c r="BC33" s="805"/>
      <c r="BD33" s="922"/>
      <c r="BE33" s="923"/>
      <c r="BF33" s="923"/>
      <c r="BG33" s="923"/>
      <c r="BH33" s="141"/>
      <c r="BI33" s="142"/>
      <c r="BJ33" s="142"/>
      <c r="BK33" s="141"/>
      <c r="BL33" s="142"/>
      <c r="BM33" s="142"/>
      <c r="BN33" s="141"/>
      <c r="BO33" s="142"/>
      <c r="BP33" s="142"/>
      <c r="BQ33" s="141"/>
      <c r="BR33" s="142"/>
      <c r="BS33" s="142"/>
      <c r="BT33" s="141"/>
      <c r="BU33" s="142"/>
      <c r="BV33" s="142"/>
      <c r="BW33" s="141"/>
      <c r="BX33" s="142"/>
      <c r="BY33" s="142"/>
      <c r="BZ33" s="141"/>
      <c r="CA33" s="142"/>
      <c r="CB33" s="142"/>
      <c r="CC33" s="141"/>
      <c r="CD33" s="142"/>
      <c r="CE33" s="143"/>
      <c r="CF33" s="144"/>
      <c r="CG33" s="141"/>
      <c r="CH33" s="145"/>
      <c r="CI33" s="146"/>
    </row>
    <row r="34" spans="1:87" ht="10.5" customHeight="1">
      <c r="A34" s="840"/>
      <c r="B34" s="829"/>
      <c r="C34" s="769"/>
      <c r="D34" s="770"/>
      <c r="E34" s="773"/>
      <c r="F34" s="774"/>
      <c r="G34" s="878"/>
      <c r="H34" s="879"/>
      <c r="I34" s="769"/>
      <c r="J34" s="770"/>
      <c r="K34" s="773"/>
      <c r="L34" s="774"/>
      <c r="M34" s="878"/>
      <c r="N34" s="879"/>
      <c r="O34" s="817"/>
      <c r="P34" s="820"/>
      <c r="R34" s="838"/>
      <c r="S34" s="838"/>
      <c r="T34" s="833"/>
      <c r="U34" s="833"/>
      <c r="V34" s="833"/>
      <c r="W34" s="822"/>
      <c r="X34" s="822"/>
      <c r="Y34" s="822"/>
      <c r="Z34" s="69"/>
      <c r="AA34" s="838"/>
      <c r="AB34" s="838"/>
      <c r="AC34" s="833"/>
      <c r="AD34" s="833"/>
      <c r="AE34" s="833"/>
      <c r="AF34" s="822"/>
      <c r="AG34" s="822"/>
      <c r="AH34" s="822"/>
      <c r="AW34" s="806" t="s">
        <v>269</v>
      </c>
      <c r="AX34" s="807"/>
      <c r="AY34" s="807"/>
      <c r="AZ34" s="807"/>
      <c r="BA34" s="807"/>
      <c r="BB34" s="807"/>
      <c r="BC34" s="808"/>
      <c r="BD34" s="763">
        <v>4</v>
      </c>
      <c r="BE34" s="809">
        <v>0</v>
      </c>
      <c r="BF34" s="809">
        <v>5</v>
      </c>
      <c r="BG34" s="809">
        <v>0</v>
      </c>
      <c r="BH34" s="124"/>
      <c r="BI34" s="125"/>
      <c r="BJ34" s="125"/>
      <c r="BK34" s="124"/>
      <c r="BL34" s="125"/>
      <c r="BM34" s="125"/>
      <c r="BN34" s="124"/>
      <c r="BO34" s="125"/>
      <c r="BP34" s="125"/>
      <c r="BQ34" s="124"/>
      <c r="BR34" s="125"/>
      <c r="BS34" s="125"/>
      <c r="BT34" s="124"/>
      <c r="BU34" s="125"/>
      <c r="BV34" s="125"/>
      <c r="BW34" s="124"/>
      <c r="BX34" s="125"/>
      <c r="BY34" s="125"/>
      <c r="BZ34" s="124"/>
      <c r="CA34" s="125"/>
      <c r="CB34" s="125"/>
      <c r="CC34" s="124"/>
      <c r="CD34" s="125"/>
      <c r="CE34" s="125"/>
      <c r="CF34" s="126"/>
      <c r="CG34" s="124"/>
      <c r="CH34" s="125"/>
      <c r="CI34" s="127"/>
    </row>
    <row r="35" spans="1:87" ht="10.5" customHeight="1">
      <c r="A35" s="180">
        <v>8</v>
      </c>
      <c r="B35" s="181">
        <v>9</v>
      </c>
      <c r="C35" s="180">
        <v>10</v>
      </c>
      <c r="D35" s="13">
        <v>11</v>
      </c>
      <c r="E35" s="12">
        <v>12</v>
      </c>
      <c r="F35" s="13">
        <v>13</v>
      </c>
      <c r="G35" s="12">
        <v>14</v>
      </c>
      <c r="H35" s="181">
        <v>15</v>
      </c>
      <c r="I35" s="180">
        <v>16</v>
      </c>
      <c r="J35" s="13">
        <v>17</v>
      </c>
      <c r="K35" s="12">
        <v>18</v>
      </c>
      <c r="L35" s="13">
        <v>19</v>
      </c>
      <c r="M35" s="12">
        <v>20</v>
      </c>
      <c r="N35" s="181">
        <v>21</v>
      </c>
      <c r="O35" s="180">
        <v>22</v>
      </c>
      <c r="P35" s="181">
        <v>23</v>
      </c>
      <c r="R35" s="838"/>
      <c r="S35" s="838"/>
      <c r="T35" s="833"/>
      <c r="U35" s="833"/>
      <c r="V35" s="833"/>
      <c r="W35" s="822"/>
      <c r="X35" s="822"/>
      <c r="Y35" s="822"/>
      <c r="Z35" s="69"/>
      <c r="AA35" s="838"/>
      <c r="AB35" s="838"/>
      <c r="AC35" s="833"/>
      <c r="AD35" s="833"/>
      <c r="AE35" s="833"/>
      <c r="AF35" s="822"/>
      <c r="AG35" s="822"/>
      <c r="AH35" s="822"/>
      <c r="AW35" s="797"/>
      <c r="AX35" s="798"/>
      <c r="AY35" s="798"/>
      <c r="AZ35" s="798"/>
      <c r="BA35" s="798"/>
      <c r="BB35" s="798"/>
      <c r="BC35" s="799"/>
      <c r="BD35" s="764"/>
      <c r="BE35" s="810"/>
      <c r="BF35" s="810"/>
      <c r="BG35" s="810"/>
      <c r="BH35" s="128"/>
      <c r="BI35" s="69"/>
      <c r="BJ35" s="69"/>
      <c r="BK35" s="128"/>
      <c r="BL35" s="69"/>
      <c r="BM35" s="69"/>
      <c r="BN35" s="128"/>
      <c r="BO35" s="69"/>
      <c r="BP35" s="69"/>
      <c r="BQ35" s="128"/>
      <c r="BR35" s="69"/>
      <c r="BS35" s="69"/>
      <c r="BT35" s="128"/>
      <c r="BU35" s="69"/>
      <c r="BV35" s="69"/>
      <c r="BW35" s="128"/>
      <c r="BX35" s="69"/>
      <c r="BY35" s="69"/>
      <c r="BZ35" s="128"/>
      <c r="CA35" s="69"/>
      <c r="CB35" s="69"/>
      <c r="CC35" s="128"/>
      <c r="CD35" s="69"/>
      <c r="CE35" s="69"/>
      <c r="CF35" s="129"/>
      <c r="CG35" s="128"/>
      <c r="CH35" s="69"/>
      <c r="CI35" s="130"/>
    </row>
    <row r="36" spans="1:87" ht="10.5" customHeight="1">
      <c r="A36" s="816">
        <v>0</v>
      </c>
      <c r="B36" s="819">
        <v>1</v>
      </c>
      <c r="C36" s="294"/>
      <c r="D36" s="903"/>
      <c r="E36" s="295"/>
      <c r="F36" s="903"/>
      <c r="G36" s="295"/>
      <c r="H36" s="903"/>
      <c r="I36" s="296"/>
      <c r="J36" s="903"/>
      <c r="K36" s="295"/>
      <c r="L36" s="903"/>
      <c r="M36" s="295"/>
      <c r="N36" s="903"/>
      <c r="O36" s="296"/>
      <c r="P36" s="900"/>
      <c r="R36" s="838"/>
      <c r="S36" s="838"/>
      <c r="T36" s="833"/>
      <c r="U36" s="833"/>
      <c r="V36" s="833"/>
      <c r="W36" s="886"/>
      <c r="X36" s="886"/>
      <c r="Y36" s="886"/>
      <c r="Z36" s="69"/>
      <c r="AA36" s="838"/>
      <c r="AB36" s="838"/>
      <c r="AC36" s="833"/>
      <c r="AD36" s="833"/>
      <c r="AE36" s="833"/>
      <c r="AF36" s="906"/>
      <c r="AG36" s="906"/>
      <c r="AH36" s="906"/>
      <c r="AW36" s="797"/>
      <c r="AX36" s="798"/>
      <c r="AY36" s="798"/>
      <c r="AZ36" s="798"/>
      <c r="BA36" s="798"/>
      <c r="BB36" s="798"/>
      <c r="BC36" s="799"/>
      <c r="BD36" s="764"/>
      <c r="BE36" s="810"/>
      <c r="BF36" s="810"/>
      <c r="BG36" s="810"/>
      <c r="BH36" s="128"/>
      <c r="BI36" s="122"/>
      <c r="BJ36" s="69"/>
      <c r="BK36" s="128"/>
      <c r="BL36" s="122"/>
      <c r="BM36" s="69"/>
      <c r="BN36" s="128"/>
      <c r="BO36" s="122"/>
      <c r="BP36" s="69"/>
      <c r="BQ36" s="128"/>
      <c r="BR36" s="122"/>
      <c r="BS36" s="69"/>
      <c r="BT36" s="128"/>
      <c r="BU36" s="122"/>
      <c r="BV36" s="69"/>
      <c r="BW36" s="128"/>
      <c r="BX36" s="122"/>
      <c r="BY36" s="69"/>
      <c r="BZ36" s="128"/>
      <c r="CA36" s="122"/>
      <c r="CB36" s="69"/>
      <c r="CC36" s="128"/>
      <c r="CD36" s="122"/>
      <c r="CE36" s="69"/>
      <c r="CF36" s="129"/>
      <c r="CG36" s="128"/>
      <c r="CH36" s="132"/>
      <c r="CI36" s="130"/>
    </row>
    <row r="37" spans="1:87" ht="10.5" customHeight="1">
      <c r="A37" s="817"/>
      <c r="B37" s="820"/>
      <c r="C37" s="294"/>
      <c r="D37" s="904"/>
      <c r="E37" s="295"/>
      <c r="F37" s="904"/>
      <c r="G37" s="295"/>
      <c r="H37" s="904"/>
      <c r="I37" s="296"/>
      <c r="J37" s="904"/>
      <c r="K37" s="295"/>
      <c r="L37" s="904"/>
      <c r="M37" s="295"/>
      <c r="N37" s="904"/>
      <c r="O37" s="296"/>
      <c r="P37" s="901"/>
      <c r="R37" s="838"/>
      <c r="S37" s="838"/>
      <c r="T37" s="833"/>
      <c r="U37" s="833"/>
      <c r="V37" s="833"/>
      <c r="W37" s="886"/>
      <c r="X37" s="886"/>
      <c r="Y37" s="886"/>
      <c r="Z37" s="69"/>
      <c r="AA37" s="838"/>
      <c r="AB37" s="838"/>
      <c r="AC37" s="833"/>
      <c r="AD37" s="833"/>
      <c r="AE37" s="833"/>
      <c r="AF37" s="906"/>
      <c r="AG37" s="906"/>
      <c r="AH37" s="906"/>
      <c r="AW37" s="800"/>
      <c r="AX37" s="801"/>
      <c r="AY37" s="801"/>
      <c r="AZ37" s="801"/>
      <c r="BA37" s="801"/>
      <c r="BB37" s="801"/>
      <c r="BC37" s="802"/>
      <c r="BD37" s="765"/>
      <c r="BE37" s="810"/>
      <c r="BF37" s="810"/>
      <c r="BG37" s="810"/>
      <c r="BH37" s="128"/>
      <c r="BI37" s="123"/>
      <c r="BJ37" s="123"/>
      <c r="BK37" s="128"/>
      <c r="BL37" s="123"/>
      <c r="BM37" s="123"/>
      <c r="BN37" s="128"/>
      <c r="BO37" s="123"/>
      <c r="BP37" s="123"/>
      <c r="BQ37" s="128"/>
      <c r="BR37" s="123"/>
      <c r="BS37" s="123"/>
      <c r="BT37" s="128"/>
      <c r="BU37" s="123"/>
      <c r="BV37" s="123"/>
      <c r="BW37" s="128"/>
      <c r="BX37" s="123"/>
      <c r="BY37" s="123"/>
      <c r="BZ37" s="128"/>
      <c r="CA37" s="123"/>
      <c r="CB37" s="123"/>
      <c r="CC37" s="128"/>
      <c r="CD37" s="123"/>
      <c r="CE37" s="120"/>
      <c r="CF37" s="133"/>
      <c r="CG37" s="134"/>
      <c r="CH37" s="135"/>
      <c r="CI37" s="136"/>
    </row>
    <row r="38" spans="1:87" ht="10.5" customHeight="1">
      <c r="A38" s="817"/>
      <c r="B38" s="820"/>
      <c r="C38" s="294"/>
      <c r="D38" s="904"/>
      <c r="E38" s="295"/>
      <c r="F38" s="904"/>
      <c r="G38" s="295"/>
      <c r="H38" s="904"/>
      <c r="I38" s="296"/>
      <c r="J38" s="904"/>
      <c r="K38" s="295"/>
      <c r="L38" s="904"/>
      <c r="M38" s="295"/>
      <c r="N38" s="904"/>
      <c r="O38" s="296"/>
      <c r="P38" s="901"/>
      <c r="R38" s="838"/>
      <c r="S38" s="838"/>
      <c r="T38" s="833"/>
      <c r="U38" s="833"/>
      <c r="V38" s="833"/>
      <c r="W38" s="886"/>
      <c r="X38" s="886"/>
      <c r="Y38" s="886"/>
      <c r="Z38" s="69"/>
      <c r="AA38" s="838"/>
      <c r="AB38" s="838"/>
      <c r="AC38" s="833"/>
      <c r="AD38" s="833"/>
      <c r="AE38" s="833"/>
      <c r="AF38" s="906"/>
      <c r="AG38" s="906"/>
      <c r="AH38" s="906"/>
      <c r="AW38" s="794" t="s">
        <v>269</v>
      </c>
      <c r="AX38" s="795"/>
      <c r="AY38" s="795"/>
      <c r="AZ38" s="795"/>
      <c r="BA38" s="795"/>
      <c r="BB38" s="795"/>
      <c r="BC38" s="796"/>
      <c r="BD38" s="823">
        <v>4</v>
      </c>
      <c r="BE38" s="810">
        <v>0</v>
      </c>
      <c r="BF38" s="810">
        <v>6</v>
      </c>
      <c r="BG38" s="810">
        <v>0</v>
      </c>
      <c r="BH38" s="137"/>
      <c r="BI38" s="138"/>
      <c r="BJ38" s="138"/>
      <c r="BK38" s="137"/>
      <c r="BL38" s="138"/>
      <c r="BM38" s="138"/>
      <c r="BN38" s="137"/>
      <c r="BO38" s="138"/>
      <c r="BP38" s="138"/>
      <c r="BQ38" s="137"/>
      <c r="BR38" s="138"/>
      <c r="BS38" s="138"/>
      <c r="BT38" s="137"/>
      <c r="BU38" s="138"/>
      <c r="BV38" s="138"/>
      <c r="BW38" s="137"/>
      <c r="BX38" s="138"/>
      <c r="BY38" s="138"/>
      <c r="BZ38" s="137"/>
      <c r="CA38" s="138"/>
      <c r="CB38" s="138"/>
      <c r="CC38" s="137"/>
      <c r="CD38" s="138"/>
      <c r="CE38" s="138"/>
      <c r="CF38" s="139"/>
      <c r="CG38" s="137"/>
      <c r="CH38" s="138"/>
      <c r="CI38" s="140"/>
    </row>
    <row r="39" spans="1:87" ht="10.5" customHeight="1">
      <c r="A39" s="817"/>
      <c r="B39" s="820"/>
      <c r="C39" s="294"/>
      <c r="D39" s="904"/>
      <c r="E39" s="295"/>
      <c r="F39" s="904"/>
      <c r="G39" s="295"/>
      <c r="H39" s="904"/>
      <c r="I39" s="296"/>
      <c r="J39" s="904"/>
      <c r="K39" s="295"/>
      <c r="L39" s="904"/>
      <c r="M39" s="295"/>
      <c r="N39" s="904"/>
      <c r="O39" s="296"/>
      <c r="P39" s="901"/>
      <c r="R39" s="838"/>
      <c r="S39" s="838"/>
      <c r="T39" s="833"/>
      <c r="U39" s="833"/>
      <c r="V39" s="833"/>
      <c r="W39" s="886"/>
      <c r="X39" s="886"/>
      <c r="Y39" s="886"/>
      <c r="Z39" s="69"/>
      <c r="AA39" s="838"/>
      <c r="AB39" s="838"/>
      <c r="AC39" s="833"/>
      <c r="AD39" s="833"/>
      <c r="AE39" s="833"/>
      <c r="AF39" s="906"/>
      <c r="AG39" s="906"/>
      <c r="AH39" s="906"/>
      <c r="AW39" s="797"/>
      <c r="AX39" s="798"/>
      <c r="AY39" s="798"/>
      <c r="AZ39" s="798"/>
      <c r="BA39" s="798"/>
      <c r="BB39" s="798"/>
      <c r="BC39" s="799"/>
      <c r="BD39" s="764"/>
      <c r="BE39" s="810"/>
      <c r="BF39" s="810"/>
      <c r="BG39" s="810"/>
      <c r="BH39" s="128"/>
      <c r="BI39" s="69"/>
      <c r="BJ39" s="69"/>
      <c r="BK39" s="128"/>
      <c r="BL39" s="69"/>
      <c r="BM39" s="69"/>
      <c r="BN39" s="128"/>
      <c r="BO39" s="69"/>
      <c r="BP39" s="69"/>
      <c r="BQ39" s="128"/>
      <c r="BR39" s="69"/>
      <c r="BS39" s="69"/>
      <c r="BT39" s="128"/>
      <c r="BU39" s="69"/>
      <c r="BV39" s="69"/>
      <c r="BW39" s="128"/>
      <c r="BX39" s="69"/>
      <c r="BY39" s="69"/>
      <c r="BZ39" s="128"/>
      <c r="CA39" s="69"/>
      <c r="CB39" s="69"/>
      <c r="CC39" s="128"/>
      <c r="CD39" s="69"/>
      <c r="CE39" s="69"/>
      <c r="CF39" s="129"/>
      <c r="CG39" s="128"/>
      <c r="CH39" s="69"/>
      <c r="CI39" s="130"/>
    </row>
    <row r="40" spans="1:87" ht="10.5" customHeight="1" thickBot="1">
      <c r="A40" s="818"/>
      <c r="B40" s="821"/>
      <c r="C40" s="297"/>
      <c r="D40" s="905"/>
      <c r="E40" s="298"/>
      <c r="F40" s="905"/>
      <c r="G40" s="298"/>
      <c r="H40" s="905"/>
      <c r="I40" s="299"/>
      <c r="J40" s="905"/>
      <c r="K40" s="298"/>
      <c r="L40" s="905"/>
      <c r="M40" s="298"/>
      <c r="N40" s="905"/>
      <c r="O40" s="299"/>
      <c r="P40" s="902"/>
      <c r="AW40" s="797"/>
      <c r="AX40" s="798"/>
      <c r="AY40" s="798"/>
      <c r="AZ40" s="798"/>
      <c r="BA40" s="798"/>
      <c r="BB40" s="798"/>
      <c r="BC40" s="799"/>
      <c r="BD40" s="764"/>
      <c r="BE40" s="810"/>
      <c r="BF40" s="810"/>
      <c r="BG40" s="810"/>
      <c r="BH40" s="128"/>
      <c r="BI40" s="122"/>
      <c r="BJ40" s="69"/>
      <c r="BK40" s="128"/>
      <c r="BL40" s="122"/>
      <c r="BM40" s="69"/>
      <c r="BN40" s="128"/>
      <c r="BO40" s="122"/>
      <c r="BP40" s="69"/>
      <c r="BQ40" s="128"/>
      <c r="BR40" s="122"/>
      <c r="BS40" s="69"/>
      <c r="BT40" s="128"/>
      <c r="BU40" s="122"/>
      <c r="BV40" s="69"/>
      <c r="BW40" s="128"/>
      <c r="BX40" s="122"/>
      <c r="BY40" s="69"/>
      <c r="BZ40" s="128"/>
      <c r="CA40" s="122"/>
      <c r="CB40" s="69"/>
      <c r="CC40" s="128"/>
      <c r="CD40" s="122"/>
      <c r="CE40" s="69"/>
      <c r="CF40" s="129"/>
      <c r="CG40" s="128"/>
      <c r="CH40" s="132"/>
      <c r="CI40" s="130"/>
    </row>
    <row r="41" spans="1:87" ht="10.5" customHeight="1">
      <c r="AW41" s="800"/>
      <c r="AX41" s="801"/>
      <c r="AY41" s="801"/>
      <c r="AZ41" s="801"/>
      <c r="BA41" s="801"/>
      <c r="BB41" s="801"/>
      <c r="BC41" s="802"/>
      <c r="BD41" s="765"/>
      <c r="BE41" s="810"/>
      <c r="BF41" s="810"/>
      <c r="BG41" s="810"/>
      <c r="BH41" s="128"/>
      <c r="BI41" s="123"/>
      <c r="BJ41" s="123"/>
      <c r="BK41" s="128"/>
      <c r="BL41" s="123"/>
      <c r="BM41" s="123"/>
      <c r="BN41" s="128"/>
      <c r="BO41" s="123"/>
      <c r="BP41" s="123"/>
      <c r="BQ41" s="128"/>
      <c r="BR41" s="123"/>
      <c r="BS41" s="123"/>
      <c r="BT41" s="128"/>
      <c r="BU41" s="123"/>
      <c r="BV41" s="123"/>
      <c r="BW41" s="128"/>
      <c r="BX41" s="123"/>
      <c r="BY41" s="123"/>
      <c r="BZ41" s="128"/>
      <c r="CA41" s="123"/>
      <c r="CB41" s="123"/>
      <c r="CC41" s="128"/>
      <c r="CD41" s="123"/>
      <c r="CE41" s="120"/>
      <c r="CF41" s="133"/>
      <c r="CG41" s="134"/>
      <c r="CH41" s="135"/>
      <c r="CI41" s="136"/>
    </row>
    <row r="42" spans="1:87" ht="10.5" customHeight="1">
      <c r="AW42" s="794" t="s">
        <v>269</v>
      </c>
      <c r="AX42" s="795"/>
      <c r="AY42" s="795"/>
      <c r="AZ42" s="795"/>
      <c r="BA42" s="795"/>
      <c r="BB42" s="795"/>
      <c r="BC42" s="796"/>
      <c r="BD42" s="823">
        <v>4</v>
      </c>
      <c r="BE42" s="810">
        <v>0</v>
      </c>
      <c r="BF42" s="810">
        <v>7</v>
      </c>
      <c r="BG42" s="810">
        <v>0</v>
      </c>
      <c r="BH42" s="137"/>
      <c r="BI42" s="138"/>
      <c r="BJ42" s="138"/>
      <c r="BK42" s="137"/>
      <c r="BL42" s="138"/>
      <c r="BM42" s="138"/>
      <c r="BN42" s="137"/>
      <c r="BO42" s="138"/>
      <c r="BP42" s="138"/>
      <c r="BQ42" s="137"/>
      <c r="BR42" s="138"/>
      <c r="BS42" s="138"/>
      <c r="BT42" s="137"/>
      <c r="BU42" s="138"/>
      <c r="BV42" s="138"/>
      <c r="BW42" s="137"/>
      <c r="BX42" s="138"/>
      <c r="BY42" s="138"/>
      <c r="BZ42" s="137"/>
      <c r="CA42" s="138"/>
      <c r="CB42" s="138"/>
      <c r="CC42" s="137"/>
      <c r="CD42" s="138"/>
      <c r="CE42" s="138"/>
      <c r="CF42" s="139"/>
      <c r="CG42" s="137"/>
      <c r="CH42" s="138"/>
      <c r="CI42" s="140"/>
    </row>
    <row r="43" spans="1:87" ht="10.5" customHeight="1">
      <c r="AW43" s="797"/>
      <c r="AX43" s="798"/>
      <c r="AY43" s="798"/>
      <c r="AZ43" s="798"/>
      <c r="BA43" s="798"/>
      <c r="BB43" s="798"/>
      <c r="BC43" s="799"/>
      <c r="BD43" s="764"/>
      <c r="BE43" s="810"/>
      <c r="BF43" s="810"/>
      <c r="BG43" s="810"/>
      <c r="BH43" s="128"/>
      <c r="BI43" s="69"/>
      <c r="BJ43" s="69"/>
      <c r="BK43" s="128"/>
      <c r="BL43" s="69"/>
      <c r="BM43" s="69"/>
      <c r="BN43" s="128"/>
      <c r="BO43" s="69"/>
      <c r="BP43" s="69"/>
      <c r="BQ43" s="128"/>
      <c r="BR43" s="69"/>
      <c r="BS43" s="69"/>
      <c r="BT43" s="128"/>
      <c r="BU43" s="69"/>
      <c r="BV43" s="69"/>
      <c r="BW43" s="128"/>
      <c r="BX43" s="69"/>
      <c r="BY43" s="69"/>
      <c r="BZ43" s="128"/>
      <c r="CA43" s="69"/>
      <c r="CB43" s="69"/>
      <c r="CC43" s="128"/>
      <c r="CD43" s="69"/>
      <c r="CE43" s="69"/>
      <c r="CF43" s="129"/>
      <c r="CG43" s="128"/>
      <c r="CH43" s="69"/>
      <c r="CI43" s="130"/>
    </row>
    <row r="44" spans="1:87" ht="10.5" customHeight="1">
      <c r="AW44" s="797"/>
      <c r="AX44" s="798"/>
      <c r="AY44" s="798"/>
      <c r="AZ44" s="798"/>
      <c r="BA44" s="798"/>
      <c r="BB44" s="798"/>
      <c r="BC44" s="799"/>
      <c r="BD44" s="764"/>
      <c r="BE44" s="810"/>
      <c r="BF44" s="810"/>
      <c r="BG44" s="810"/>
      <c r="BH44" s="128"/>
      <c r="BI44" s="122"/>
      <c r="BJ44" s="69"/>
      <c r="BK44" s="128"/>
      <c r="BL44" s="122"/>
      <c r="BM44" s="69"/>
      <c r="BN44" s="128"/>
      <c r="BO44" s="122"/>
      <c r="BP44" s="69"/>
      <c r="BQ44" s="128"/>
      <c r="BR44" s="122"/>
      <c r="BS44" s="69"/>
      <c r="BT44" s="128"/>
      <c r="BU44" s="122"/>
      <c r="BV44" s="69"/>
      <c r="BW44" s="128"/>
      <c r="BX44" s="122"/>
      <c r="BY44" s="69"/>
      <c r="BZ44" s="128"/>
      <c r="CA44" s="122"/>
      <c r="CB44" s="69"/>
      <c r="CC44" s="128"/>
      <c r="CD44" s="122"/>
      <c r="CE44" s="69"/>
      <c r="CF44" s="129"/>
      <c r="CG44" s="128"/>
      <c r="CH44" s="132"/>
      <c r="CI44" s="130"/>
    </row>
    <row r="45" spans="1:87" ht="10.5" customHeight="1">
      <c r="A45" s="885" t="s">
        <v>439</v>
      </c>
      <c r="B45" s="885"/>
      <c r="C45" s="885"/>
      <c r="D45" s="885"/>
      <c r="E45" s="885"/>
      <c r="F45" s="885"/>
      <c r="G45" s="885"/>
      <c r="H45" s="885"/>
      <c r="I45" s="885"/>
      <c r="J45" s="885"/>
      <c r="K45" s="885"/>
      <c r="L45" s="885"/>
      <c r="M45" s="885"/>
      <c r="N45" s="885"/>
      <c r="O45" s="885"/>
      <c r="P45" s="885"/>
      <c r="Q45" s="885"/>
      <c r="R45" s="885"/>
      <c r="S45" s="885"/>
      <c r="T45" s="885"/>
      <c r="U45" s="885"/>
      <c r="V45" s="885"/>
      <c r="W45" s="885"/>
      <c r="X45" s="885"/>
      <c r="Y45" s="885"/>
      <c r="Z45" s="885"/>
      <c r="AA45" s="885"/>
      <c r="AB45" s="885"/>
      <c r="AC45" s="885"/>
      <c r="AD45" s="885"/>
      <c r="AE45" s="885"/>
      <c r="AF45" s="885"/>
      <c r="AG45" s="885"/>
      <c r="AH45" s="885"/>
      <c r="AI45" s="885"/>
      <c r="AJ45" s="885"/>
      <c r="AK45" s="885"/>
      <c r="AW45" s="800"/>
      <c r="AX45" s="801"/>
      <c r="AY45" s="801"/>
      <c r="AZ45" s="801"/>
      <c r="BA45" s="801"/>
      <c r="BB45" s="801"/>
      <c r="BC45" s="802"/>
      <c r="BD45" s="765"/>
      <c r="BE45" s="810"/>
      <c r="BF45" s="810"/>
      <c r="BG45" s="810"/>
      <c r="BH45" s="128"/>
      <c r="BI45" s="123"/>
      <c r="BJ45" s="123"/>
      <c r="BK45" s="128"/>
      <c r="BL45" s="123"/>
      <c r="BM45" s="123"/>
      <c r="BN45" s="128"/>
      <c r="BO45" s="123"/>
      <c r="BP45" s="123"/>
      <c r="BQ45" s="128"/>
      <c r="BR45" s="123"/>
      <c r="BS45" s="123"/>
      <c r="BT45" s="128"/>
      <c r="BU45" s="123"/>
      <c r="BV45" s="123"/>
      <c r="BW45" s="128"/>
      <c r="BX45" s="123"/>
      <c r="BY45" s="123"/>
      <c r="BZ45" s="128"/>
      <c r="CA45" s="123"/>
      <c r="CB45" s="123"/>
      <c r="CC45" s="128"/>
      <c r="CD45" s="123"/>
      <c r="CE45" s="120"/>
      <c r="CF45" s="133"/>
      <c r="CG45" s="134"/>
      <c r="CH45" s="135"/>
      <c r="CI45" s="136"/>
    </row>
    <row r="46" spans="1:87" ht="10.5" customHeight="1">
      <c r="A46" s="885"/>
      <c r="B46" s="885"/>
      <c r="C46" s="885"/>
      <c r="D46" s="885"/>
      <c r="E46" s="885"/>
      <c r="F46" s="885"/>
      <c r="G46" s="885"/>
      <c r="H46" s="885"/>
      <c r="I46" s="885"/>
      <c r="J46" s="885"/>
      <c r="K46" s="885"/>
      <c r="L46" s="885"/>
      <c r="M46" s="885"/>
      <c r="N46" s="885"/>
      <c r="O46" s="885"/>
      <c r="P46" s="885"/>
      <c r="Q46" s="885"/>
      <c r="R46" s="885"/>
      <c r="S46" s="885"/>
      <c r="T46" s="885"/>
      <c r="U46" s="885"/>
      <c r="V46" s="885"/>
      <c r="W46" s="885"/>
      <c r="X46" s="885"/>
      <c r="Y46" s="885"/>
      <c r="Z46" s="885"/>
      <c r="AA46" s="885"/>
      <c r="AB46" s="885"/>
      <c r="AC46" s="885"/>
      <c r="AD46" s="885"/>
      <c r="AE46" s="885"/>
      <c r="AF46" s="885"/>
      <c r="AG46" s="885"/>
      <c r="AH46" s="885"/>
      <c r="AI46" s="885"/>
      <c r="AJ46" s="885"/>
      <c r="AK46" s="885"/>
      <c r="AW46" s="794" t="s">
        <v>269</v>
      </c>
      <c r="AX46" s="795"/>
      <c r="AY46" s="795"/>
      <c r="AZ46" s="795"/>
      <c r="BA46" s="795"/>
      <c r="BB46" s="795"/>
      <c r="BC46" s="796"/>
      <c r="BD46" s="823">
        <v>4</v>
      </c>
      <c r="BE46" s="810">
        <v>0</v>
      </c>
      <c r="BF46" s="810">
        <v>8</v>
      </c>
      <c r="BG46" s="810">
        <v>0</v>
      </c>
      <c r="BH46" s="137"/>
      <c r="BI46" s="138"/>
      <c r="BJ46" s="138"/>
      <c r="BK46" s="137"/>
      <c r="BL46" s="138"/>
      <c r="BM46" s="138"/>
      <c r="BN46" s="137"/>
      <c r="BO46" s="138"/>
      <c r="BP46" s="138"/>
      <c r="BQ46" s="137"/>
      <c r="BR46" s="138"/>
      <c r="BS46" s="138"/>
      <c r="BT46" s="137"/>
      <c r="BU46" s="138"/>
      <c r="BV46" s="138"/>
      <c r="BW46" s="137"/>
      <c r="BX46" s="138"/>
      <c r="BY46" s="138"/>
      <c r="BZ46" s="137"/>
      <c r="CA46" s="138"/>
      <c r="CB46" s="138"/>
      <c r="CC46" s="137"/>
      <c r="CD46" s="138"/>
      <c r="CE46" s="138"/>
      <c r="CF46" s="139"/>
      <c r="CG46" s="137"/>
      <c r="CH46" s="138"/>
      <c r="CI46" s="140"/>
    </row>
    <row r="47" spans="1:87" ht="10.5" customHeight="1">
      <c r="A47" s="885"/>
      <c r="B47" s="885"/>
      <c r="C47" s="885"/>
      <c r="D47" s="885"/>
      <c r="E47" s="885"/>
      <c r="F47" s="885"/>
      <c r="G47" s="885"/>
      <c r="H47" s="885"/>
      <c r="I47" s="885"/>
      <c r="J47" s="885"/>
      <c r="K47" s="885"/>
      <c r="L47" s="885"/>
      <c r="M47" s="885"/>
      <c r="N47" s="885"/>
      <c r="O47" s="885"/>
      <c r="P47" s="885"/>
      <c r="Q47" s="885"/>
      <c r="R47" s="885"/>
      <c r="S47" s="885"/>
      <c r="T47" s="885"/>
      <c r="U47" s="885"/>
      <c r="V47" s="885"/>
      <c r="W47" s="885"/>
      <c r="X47" s="885"/>
      <c r="Y47" s="885"/>
      <c r="Z47" s="885"/>
      <c r="AA47" s="885"/>
      <c r="AB47" s="885"/>
      <c r="AC47" s="885"/>
      <c r="AD47" s="885"/>
      <c r="AE47" s="885"/>
      <c r="AF47" s="885"/>
      <c r="AG47" s="885"/>
      <c r="AH47" s="885"/>
      <c r="AI47" s="885"/>
      <c r="AJ47" s="885"/>
      <c r="AK47" s="885"/>
      <c r="AW47" s="797"/>
      <c r="AX47" s="798"/>
      <c r="AY47" s="798"/>
      <c r="AZ47" s="798"/>
      <c r="BA47" s="798"/>
      <c r="BB47" s="798"/>
      <c r="BC47" s="799"/>
      <c r="BD47" s="764"/>
      <c r="BE47" s="810"/>
      <c r="BF47" s="810"/>
      <c r="BG47" s="810"/>
      <c r="BH47" s="128"/>
      <c r="BI47" s="69"/>
      <c r="BJ47" s="69"/>
      <c r="BK47" s="128"/>
      <c r="BL47" s="69"/>
      <c r="BM47" s="69"/>
      <c r="BN47" s="128"/>
      <c r="BO47" s="69"/>
      <c r="BP47" s="69"/>
      <c r="BQ47" s="128"/>
      <c r="BR47" s="69"/>
      <c r="BS47" s="69"/>
      <c r="BT47" s="128"/>
      <c r="BU47" s="69"/>
      <c r="BV47" s="69"/>
      <c r="BW47" s="128"/>
      <c r="BX47" s="69"/>
      <c r="BY47" s="69"/>
      <c r="BZ47" s="128"/>
      <c r="CA47" s="69"/>
      <c r="CB47" s="69"/>
      <c r="CC47" s="128"/>
      <c r="CD47" s="69"/>
      <c r="CE47" s="69"/>
      <c r="CF47" s="129"/>
      <c r="CG47" s="128"/>
      <c r="CH47" s="69"/>
      <c r="CI47" s="130"/>
    </row>
    <row r="48" spans="1:87" ht="10.5" customHeight="1" thickBot="1">
      <c r="AW48" s="797"/>
      <c r="AX48" s="798"/>
      <c r="AY48" s="798"/>
      <c r="AZ48" s="798"/>
      <c r="BA48" s="798"/>
      <c r="BB48" s="798"/>
      <c r="BC48" s="799"/>
      <c r="BD48" s="764"/>
      <c r="BE48" s="810"/>
      <c r="BF48" s="810"/>
      <c r="BG48" s="810"/>
      <c r="BH48" s="128"/>
      <c r="BI48" s="122"/>
      <c r="BJ48" s="69"/>
      <c r="BK48" s="128"/>
      <c r="BL48" s="122"/>
      <c r="BM48" s="69"/>
      <c r="BN48" s="128"/>
      <c r="BO48" s="122"/>
      <c r="BP48" s="69"/>
      <c r="BQ48" s="128"/>
      <c r="BR48" s="122"/>
      <c r="BS48" s="69"/>
      <c r="BT48" s="128"/>
      <c r="BU48" s="122"/>
      <c r="BV48" s="69"/>
      <c r="BW48" s="128"/>
      <c r="BX48" s="122"/>
      <c r="BY48" s="69"/>
      <c r="BZ48" s="128"/>
      <c r="CA48" s="122"/>
      <c r="CB48" s="69"/>
      <c r="CC48" s="128"/>
      <c r="CD48" s="122"/>
      <c r="CE48" s="69"/>
      <c r="CF48" s="129"/>
      <c r="CG48" s="128"/>
      <c r="CH48" s="132"/>
      <c r="CI48" s="130"/>
    </row>
    <row r="49" spans="1:87" ht="10.5" customHeight="1" thickBot="1">
      <c r="A49" s="839" t="s">
        <v>317</v>
      </c>
      <c r="B49" s="907"/>
      <c r="C49" s="982" t="s">
        <v>275</v>
      </c>
      <c r="D49" s="873" t="s">
        <v>262</v>
      </c>
      <c r="E49" s="880"/>
      <c r="F49" s="880"/>
      <c r="G49" s="880"/>
      <c r="H49" s="880"/>
      <c r="I49" s="880"/>
      <c r="J49" s="880"/>
      <c r="K49" s="880"/>
      <c r="L49" s="880"/>
      <c r="M49" s="880"/>
      <c r="N49" s="880"/>
      <c r="O49" s="874"/>
      <c r="P49" s="873" t="s">
        <v>263</v>
      </c>
      <c r="Q49" s="880"/>
      <c r="R49" s="880"/>
      <c r="S49" s="880"/>
      <c r="T49" s="880"/>
      <c r="U49" s="880"/>
      <c r="V49" s="880"/>
      <c r="W49" s="880"/>
      <c r="X49" s="874"/>
      <c r="Y49" s="873" t="s">
        <v>264</v>
      </c>
      <c r="Z49" s="880"/>
      <c r="AA49" s="880"/>
      <c r="AB49" s="880"/>
      <c r="AC49" s="880"/>
      <c r="AD49" s="880"/>
      <c r="AE49" s="880"/>
      <c r="AF49" s="880"/>
      <c r="AG49" s="880"/>
      <c r="AH49" s="880"/>
      <c r="AI49" s="880"/>
      <c r="AJ49" s="874"/>
      <c r="AK49" s="775" t="s">
        <v>276</v>
      </c>
      <c r="AL49" s="775"/>
      <c r="AM49" s="775"/>
      <c r="AN49" s="776"/>
      <c r="AP49" s="873" t="s">
        <v>277</v>
      </c>
      <c r="AQ49" s="880"/>
      <c r="AR49" s="880"/>
      <c r="AS49" s="874"/>
      <c r="AW49" s="803"/>
      <c r="AX49" s="804"/>
      <c r="AY49" s="804"/>
      <c r="AZ49" s="804"/>
      <c r="BA49" s="804"/>
      <c r="BB49" s="804"/>
      <c r="BC49" s="805"/>
      <c r="BD49" s="922"/>
      <c r="BE49" s="923"/>
      <c r="BF49" s="923"/>
      <c r="BG49" s="923"/>
      <c r="BH49" s="141"/>
      <c r="BI49" s="142"/>
      <c r="BJ49" s="142"/>
      <c r="BK49" s="141"/>
      <c r="BL49" s="142"/>
      <c r="BM49" s="142"/>
      <c r="BN49" s="141"/>
      <c r="BO49" s="142"/>
      <c r="BP49" s="142"/>
      <c r="BQ49" s="141"/>
      <c r="BR49" s="142"/>
      <c r="BS49" s="142"/>
      <c r="BT49" s="141"/>
      <c r="BU49" s="142"/>
      <c r="BV49" s="142"/>
      <c r="BW49" s="141"/>
      <c r="BX49" s="142"/>
      <c r="BY49" s="142"/>
      <c r="BZ49" s="141"/>
      <c r="CA49" s="142"/>
      <c r="CB49" s="142"/>
      <c r="CC49" s="141"/>
      <c r="CD49" s="142"/>
      <c r="CE49" s="143"/>
      <c r="CF49" s="144"/>
      <c r="CG49" s="141"/>
      <c r="CH49" s="145"/>
      <c r="CI49" s="146"/>
    </row>
    <row r="50" spans="1:87" ht="10.5" customHeight="1">
      <c r="A50" s="769"/>
      <c r="B50" s="770"/>
      <c r="C50" s="983"/>
      <c r="D50" s="882"/>
      <c r="E50" s="883"/>
      <c r="F50" s="883"/>
      <c r="G50" s="883"/>
      <c r="H50" s="883"/>
      <c r="I50" s="883"/>
      <c r="J50" s="883"/>
      <c r="K50" s="883"/>
      <c r="L50" s="883"/>
      <c r="M50" s="883"/>
      <c r="N50" s="883"/>
      <c r="O50" s="884"/>
      <c r="P50" s="882"/>
      <c r="Q50" s="883"/>
      <c r="R50" s="883"/>
      <c r="S50" s="883"/>
      <c r="T50" s="883"/>
      <c r="U50" s="883"/>
      <c r="V50" s="883"/>
      <c r="W50" s="883"/>
      <c r="X50" s="884"/>
      <c r="Y50" s="882"/>
      <c r="Z50" s="883"/>
      <c r="AA50" s="883"/>
      <c r="AB50" s="883"/>
      <c r="AC50" s="883"/>
      <c r="AD50" s="883"/>
      <c r="AE50" s="883"/>
      <c r="AF50" s="883"/>
      <c r="AG50" s="883"/>
      <c r="AH50" s="883"/>
      <c r="AI50" s="883"/>
      <c r="AJ50" s="884"/>
      <c r="AK50" s="777"/>
      <c r="AL50" s="777"/>
      <c r="AM50" s="777"/>
      <c r="AN50" s="778"/>
      <c r="AP50" s="882"/>
      <c r="AQ50" s="883"/>
      <c r="AR50" s="883"/>
      <c r="AS50" s="884"/>
      <c r="AW50" s="806" t="s">
        <v>269</v>
      </c>
      <c r="AX50" s="807"/>
      <c r="AY50" s="807"/>
      <c r="AZ50" s="807"/>
      <c r="BA50" s="807"/>
      <c r="BB50" s="807"/>
      <c r="BC50" s="808"/>
      <c r="BD50" s="763">
        <v>4</v>
      </c>
      <c r="BE50" s="809">
        <v>0</v>
      </c>
      <c r="BF50" s="809">
        <v>9</v>
      </c>
      <c r="BG50" s="809">
        <v>0</v>
      </c>
      <c r="BH50" s="124"/>
      <c r="BI50" s="125"/>
      <c r="BJ50" s="125"/>
      <c r="BK50" s="124"/>
      <c r="BL50" s="125"/>
      <c r="BM50" s="125"/>
      <c r="BN50" s="124"/>
      <c r="BO50" s="125"/>
      <c r="BP50" s="125"/>
      <c r="BQ50" s="124"/>
      <c r="BR50" s="125"/>
      <c r="BS50" s="125"/>
      <c r="BT50" s="124"/>
      <c r="BU50" s="125"/>
      <c r="BV50" s="125"/>
      <c r="BW50" s="124"/>
      <c r="BX50" s="125"/>
      <c r="BY50" s="125"/>
      <c r="BZ50" s="124"/>
      <c r="CA50" s="125"/>
      <c r="CB50" s="125"/>
      <c r="CC50" s="124"/>
      <c r="CD50" s="125"/>
      <c r="CE50" s="125"/>
      <c r="CF50" s="126"/>
      <c r="CG50" s="124"/>
      <c r="CH50" s="125"/>
      <c r="CI50" s="127"/>
    </row>
    <row r="51" spans="1:87" ht="10.5" customHeight="1">
      <c r="A51" s="769"/>
      <c r="B51" s="770"/>
      <c r="C51" s="983"/>
      <c r="D51" s="918" t="s">
        <v>265</v>
      </c>
      <c r="E51" s="780"/>
      <c r="F51" s="780"/>
      <c r="G51" s="780"/>
      <c r="H51" s="780"/>
      <c r="I51" s="781"/>
      <c r="J51" s="841" t="s">
        <v>266</v>
      </c>
      <c r="K51" s="842"/>
      <c r="L51" s="843"/>
      <c r="M51" s="786" t="s">
        <v>261</v>
      </c>
      <c r="N51" s="780"/>
      <c r="O51" s="787"/>
      <c r="P51" s="779" t="s">
        <v>427</v>
      </c>
      <c r="Q51" s="780"/>
      <c r="R51" s="781"/>
      <c r="S51" s="784" t="s">
        <v>428</v>
      </c>
      <c r="T51" s="780"/>
      <c r="U51" s="781"/>
      <c r="V51" s="786" t="s">
        <v>261</v>
      </c>
      <c r="W51" s="780"/>
      <c r="X51" s="787"/>
      <c r="Y51" s="779" t="s">
        <v>427</v>
      </c>
      <c r="Z51" s="780"/>
      <c r="AA51" s="781"/>
      <c r="AB51" s="784" t="s">
        <v>430</v>
      </c>
      <c r="AC51" s="780"/>
      <c r="AD51" s="781"/>
      <c r="AE51" s="784" t="s">
        <v>429</v>
      </c>
      <c r="AF51" s="780"/>
      <c r="AG51" s="781"/>
      <c r="AH51" s="786" t="s">
        <v>261</v>
      </c>
      <c r="AI51" s="780"/>
      <c r="AJ51" s="787"/>
      <c r="AK51" s="777"/>
      <c r="AL51" s="777"/>
      <c r="AM51" s="777"/>
      <c r="AN51" s="778"/>
      <c r="AP51" s="979" t="s">
        <v>275</v>
      </c>
      <c r="AQ51" s="786" t="s">
        <v>278</v>
      </c>
      <c r="AR51" s="780"/>
      <c r="AS51" s="787"/>
      <c r="AW51" s="797"/>
      <c r="AX51" s="798"/>
      <c r="AY51" s="798"/>
      <c r="AZ51" s="798"/>
      <c r="BA51" s="798"/>
      <c r="BB51" s="798"/>
      <c r="BC51" s="799"/>
      <c r="BD51" s="764"/>
      <c r="BE51" s="810"/>
      <c r="BF51" s="810"/>
      <c r="BG51" s="810"/>
      <c r="BH51" s="128"/>
      <c r="BI51" s="69"/>
      <c r="BJ51" s="69"/>
      <c r="BK51" s="128"/>
      <c r="BL51" s="69"/>
      <c r="BM51" s="69"/>
      <c r="BN51" s="128"/>
      <c r="BO51" s="69"/>
      <c r="BP51" s="69"/>
      <c r="BQ51" s="128"/>
      <c r="BR51" s="69"/>
      <c r="BS51" s="69"/>
      <c r="BT51" s="128"/>
      <c r="BU51" s="69"/>
      <c r="BV51" s="69"/>
      <c r="BW51" s="128"/>
      <c r="BX51" s="69"/>
      <c r="BY51" s="69"/>
      <c r="BZ51" s="128"/>
      <c r="CA51" s="69"/>
      <c r="CB51" s="69"/>
      <c r="CC51" s="128"/>
      <c r="CD51" s="69"/>
      <c r="CE51" s="69"/>
      <c r="CF51" s="129"/>
      <c r="CG51" s="128"/>
      <c r="CH51" s="69"/>
      <c r="CI51" s="130"/>
    </row>
    <row r="52" spans="1:87" ht="10.5" customHeight="1">
      <c r="A52" s="769"/>
      <c r="B52" s="770"/>
      <c r="C52" s="983"/>
      <c r="D52" s="919"/>
      <c r="E52" s="920"/>
      <c r="F52" s="920"/>
      <c r="G52" s="920"/>
      <c r="H52" s="920"/>
      <c r="I52" s="921"/>
      <c r="J52" s="844"/>
      <c r="K52" s="845"/>
      <c r="L52" s="846"/>
      <c r="M52" s="785"/>
      <c r="N52" s="777"/>
      <c r="O52" s="778"/>
      <c r="P52" s="782"/>
      <c r="Q52" s="777"/>
      <c r="R52" s="783"/>
      <c r="S52" s="785"/>
      <c r="T52" s="777"/>
      <c r="U52" s="783"/>
      <c r="V52" s="785"/>
      <c r="W52" s="777"/>
      <c r="X52" s="778"/>
      <c r="Y52" s="782"/>
      <c r="Z52" s="777"/>
      <c r="AA52" s="783"/>
      <c r="AB52" s="785"/>
      <c r="AC52" s="777"/>
      <c r="AD52" s="783"/>
      <c r="AE52" s="785"/>
      <c r="AF52" s="777"/>
      <c r="AG52" s="783"/>
      <c r="AH52" s="785"/>
      <c r="AI52" s="777"/>
      <c r="AJ52" s="778"/>
      <c r="AK52" s="777"/>
      <c r="AL52" s="777"/>
      <c r="AM52" s="777"/>
      <c r="AN52" s="778"/>
      <c r="AP52" s="980"/>
      <c r="AQ52" s="785"/>
      <c r="AR52" s="777"/>
      <c r="AS52" s="778"/>
      <c r="AW52" s="797"/>
      <c r="AX52" s="798"/>
      <c r="AY52" s="798"/>
      <c r="AZ52" s="798"/>
      <c r="BA52" s="798"/>
      <c r="BB52" s="798"/>
      <c r="BC52" s="799"/>
      <c r="BD52" s="764"/>
      <c r="BE52" s="810"/>
      <c r="BF52" s="810"/>
      <c r="BG52" s="810"/>
      <c r="BH52" s="128"/>
      <c r="BI52" s="122"/>
      <c r="BJ52" s="69"/>
      <c r="BK52" s="128"/>
      <c r="BL52" s="122"/>
      <c r="BM52" s="69"/>
      <c r="BN52" s="128"/>
      <c r="BO52" s="122"/>
      <c r="BP52" s="69"/>
      <c r="BQ52" s="128"/>
      <c r="BR52" s="122"/>
      <c r="BS52" s="69"/>
      <c r="BT52" s="128"/>
      <c r="BU52" s="122"/>
      <c r="BV52" s="69"/>
      <c r="BW52" s="128"/>
      <c r="BX52" s="122"/>
      <c r="BY52" s="69"/>
      <c r="BZ52" s="128"/>
      <c r="CA52" s="122"/>
      <c r="CB52" s="69"/>
      <c r="CC52" s="128"/>
      <c r="CD52" s="122"/>
      <c r="CE52" s="69"/>
      <c r="CF52" s="129"/>
      <c r="CG52" s="128"/>
      <c r="CH52" s="132"/>
      <c r="CI52" s="130"/>
    </row>
    <row r="53" spans="1:87" ht="10.5" customHeight="1">
      <c r="A53" s="769"/>
      <c r="B53" s="770"/>
      <c r="C53" s="983"/>
      <c r="D53" s="910">
        <v>44288</v>
      </c>
      <c r="E53" s="911"/>
      <c r="F53" s="912"/>
      <c r="G53" s="851">
        <v>43923</v>
      </c>
      <c r="H53" s="852"/>
      <c r="I53" s="853"/>
      <c r="J53" s="851">
        <v>43923</v>
      </c>
      <c r="K53" s="852"/>
      <c r="L53" s="853"/>
      <c r="M53" s="785"/>
      <c r="N53" s="777"/>
      <c r="O53" s="778"/>
      <c r="P53" s="782"/>
      <c r="Q53" s="777"/>
      <c r="R53" s="783"/>
      <c r="S53" s="785"/>
      <c r="T53" s="777"/>
      <c r="U53" s="783"/>
      <c r="V53" s="785"/>
      <c r="W53" s="777"/>
      <c r="X53" s="778"/>
      <c r="Y53" s="782"/>
      <c r="Z53" s="777"/>
      <c r="AA53" s="783"/>
      <c r="AB53" s="785"/>
      <c r="AC53" s="777"/>
      <c r="AD53" s="783"/>
      <c r="AE53" s="785"/>
      <c r="AF53" s="777"/>
      <c r="AG53" s="783"/>
      <c r="AH53" s="785"/>
      <c r="AI53" s="777"/>
      <c r="AJ53" s="778"/>
      <c r="AK53" s="777"/>
      <c r="AL53" s="777"/>
      <c r="AM53" s="777"/>
      <c r="AN53" s="778"/>
      <c r="AP53" s="980"/>
      <c r="AQ53" s="785"/>
      <c r="AR53" s="777"/>
      <c r="AS53" s="778"/>
      <c r="AW53" s="800"/>
      <c r="AX53" s="801"/>
      <c r="AY53" s="801"/>
      <c r="AZ53" s="801"/>
      <c r="BA53" s="801"/>
      <c r="BB53" s="801"/>
      <c r="BC53" s="802"/>
      <c r="BD53" s="765"/>
      <c r="BE53" s="810"/>
      <c r="BF53" s="810"/>
      <c r="BG53" s="810"/>
      <c r="BH53" s="128"/>
      <c r="BI53" s="123"/>
      <c r="BJ53" s="123"/>
      <c r="BK53" s="128"/>
      <c r="BL53" s="123"/>
      <c r="BM53" s="123"/>
      <c r="BN53" s="128"/>
      <c r="BO53" s="123"/>
      <c r="BP53" s="123"/>
      <c r="BQ53" s="128"/>
      <c r="BR53" s="123"/>
      <c r="BS53" s="123"/>
      <c r="BT53" s="128"/>
      <c r="BU53" s="123"/>
      <c r="BV53" s="123"/>
      <c r="BW53" s="128"/>
      <c r="BX53" s="123"/>
      <c r="BY53" s="123"/>
      <c r="BZ53" s="128"/>
      <c r="CA53" s="123"/>
      <c r="CB53" s="123"/>
      <c r="CC53" s="128"/>
      <c r="CD53" s="123"/>
      <c r="CE53" s="120"/>
      <c r="CF53" s="133"/>
      <c r="CG53" s="134"/>
      <c r="CH53" s="135"/>
      <c r="CI53" s="136"/>
    </row>
    <row r="54" spans="1:87" s="37" customFormat="1" ht="6.75" customHeight="1">
      <c r="A54" s="769"/>
      <c r="B54" s="770"/>
      <c r="C54" s="983"/>
      <c r="D54" s="909"/>
      <c r="E54" s="848"/>
      <c r="F54" s="849"/>
      <c r="G54" s="854"/>
      <c r="H54" s="855"/>
      <c r="I54" s="856"/>
      <c r="J54" s="854"/>
      <c r="K54" s="855"/>
      <c r="L54" s="856"/>
      <c r="M54" s="785"/>
      <c r="N54" s="777"/>
      <c r="O54" s="778"/>
      <c r="P54" s="782"/>
      <c r="Q54" s="777"/>
      <c r="R54" s="783"/>
      <c r="S54" s="785"/>
      <c r="T54" s="777"/>
      <c r="U54" s="783"/>
      <c r="V54" s="785"/>
      <c r="W54" s="777"/>
      <c r="X54" s="778"/>
      <c r="Y54" s="782"/>
      <c r="Z54" s="777"/>
      <c r="AA54" s="783"/>
      <c r="AB54" s="785"/>
      <c r="AC54" s="777"/>
      <c r="AD54" s="783"/>
      <c r="AE54" s="785"/>
      <c r="AF54" s="777"/>
      <c r="AG54" s="783"/>
      <c r="AH54" s="785"/>
      <c r="AI54" s="777"/>
      <c r="AJ54" s="778"/>
      <c r="AK54" s="777"/>
      <c r="AL54" s="777"/>
      <c r="AM54" s="777"/>
      <c r="AN54" s="778"/>
      <c r="AO54" s="21"/>
      <c r="AP54" s="980"/>
      <c r="AQ54" s="785"/>
      <c r="AR54" s="777"/>
      <c r="AS54" s="778"/>
      <c r="AT54" s="21"/>
      <c r="AW54" s="794" t="s">
        <v>269</v>
      </c>
      <c r="AX54" s="795"/>
      <c r="AY54" s="795"/>
      <c r="AZ54" s="795"/>
      <c r="BA54" s="795"/>
      <c r="BB54" s="795"/>
      <c r="BC54" s="796"/>
      <c r="BD54" s="823">
        <v>4</v>
      </c>
      <c r="BE54" s="810">
        <v>1</v>
      </c>
      <c r="BF54" s="810">
        <v>0</v>
      </c>
      <c r="BG54" s="810">
        <v>0</v>
      </c>
      <c r="BH54" s="137"/>
      <c r="BI54" s="138"/>
      <c r="BJ54" s="138"/>
      <c r="BK54" s="137"/>
      <c r="BL54" s="138"/>
      <c r="BM54" s="138"/>
      <c r="BN54" s="137"/>
      <c r="BO54" s="138"/>
      <c r="BP54" s="138"/>
      <c r="BQ54" s="137"/>
      <c r="BR54" s="138"/>
      <c r="BS54" s="138"/>
      <c r="BT54" s="137"/>
      <c r="BU54" s="138"/>
      <c r="BV54" s="138"/>
      <c r="BW54" s="137"/>
      <c r="BX54" s="138"/>
      <c r="BY54" s="138"/>
      <c r="BZ54" s="137"/>
      <c r="CA54" s="138"/>
      <c r="CB54" s="138"/>
      <c r="CC54" s="137"/>
      <c r="CD54" s="138"/>
      <c r="CE54" s="138"/>
      <c r="CF54" s="139"/>
      <c r="CG54" s="137"/>
      <c r="CH54" s="138"/>
      <c r="CI54" s="140"/>
    </row>
    <row r="55" spans="1:87" s="37" customFormat="1" ht="10.5" customHeight="1">
      <c r="A55" s="769"/>
      <c r="B55" s="770"/>
      <c r="C55" s="983"/>
      <c r="D55" s="390"/>
      <c r="E55" s="391" t="s">
        <v>431</v>
      </c>
      <c r="F55" s="392"/>
      <c r="G55" s="393"/>
      <c r="H55" s="394" t="s">
        <v>431</v>
      </c>
      <c r="I55" s="395"/>
      <c r="J55" s="393"/>
      <c r="K55" s="394" t="s">
        <v>431</v>
      </c>
      <c r="L55" s="395"/>
      <c r="M55" s="785"/>
      <c r="N55" s="777"/>
      <c r="O55" s="778"/>
      <c r="P55" s="782"/>
      <c r="Q55" s="777"/>
      <c r="R55" s="783"/>
      <c r="S55" s="785"/>
      <c r="T55" s="777"/>
      <c r="U55" s="783"/>
      <c r="V55" s="785"/>
      <c r="W55" s="777"/>
      <c r="X55" s="778"/>
      <c r="Y55" s="782"/>
      <c r="Z55" s="777"/>
      <c r="AA55" s="783"/>
      <c r="AB55" s="785"/>
      <c r="AC55" s="777"/>
      <c r="AD55" s="783"/>
      <c r="AE55" s="785"/>
      <c r="AF55" s="777"/>
      <c r="AG55" s="783"/>
      <c r="AH55" s="785"/>
      <c r="AI55" s="777"/>
      <c r="AJ55" s="778"/>
      <c r="AK55" s="777"/>
      <c r="AL55" s="777"/>
      <c r="AM55" s="777"/>
      <c r="AN55" s="778"/>
      <c r="AO55" s="21"/>
      <c r="AP55" s="980"/>
      <c r="AQ55" s="785"/>
      <c r="AR55" s="777"/>
      <c r="AS55" s="778"/>
      <c r="AT55" s="21"/>
      <c r="AW55" s="797"/>
      <c r="AX55" s="798"/>
      <c r="AY55" s="798"/>
      <c r="AZ55" s="798"/>
      <c r="BA55" s="798"/>
      <c r="BB55" s="798"/>
      <c r="BC55" s="799"/>
      <c r="BD55" s="764"/>
      <c r="BE55" s="810"/>
      <c r="BF55" s="810"/>
      <c r="BG55" s="810"/>
      <c r="BH55" s="128"/>
      <c r="BI55" s="69"/>
      <c r="BJ55" s="69"/>
      <c r="BK55" s="128"/>
      <c r="BL55" s="69"/>
      <c r="BM55" s="69"/>
      <c r="BN55" s="128"/>
      <c r="BO55" s="69"/>
      <c r="BP55" s="69"/>
      <c r="BQ55" s="128"/>
      <c r="BR55" s="69"/>
      <c r="BS55" s="69"/>
      <c r="BT55" s="128"/>
      <c r="BU55" s="69"/>
      <c r="BV55" s="69"/>
      <c r="BW55" s="128"/>
      <c r="BX55" s="69"/>
      <c r="BY55" s="69"/>
      <c r="BZ55" s="128"/>
      <c r="CA55" s="69"/>
      <c r="CB55" s="69"/>
      <c r="CC55" s="128"/>
      <c r="CD55" s="69"/>
      <c r="CE55" s="69"/>
      <c r="CF55" s="129"/>
      <c r="CG55" s="128"/>
      <c r="CH55" s="69"/>
      <c r="CI55" s="130"/>
    </row>
    <row r="56" spans="1:87" s="41" customFormat="1" ht="10.5" customHeight="1">
      <c r="A56" s="769"/>
      <c r="B56" s="770"/>
      <c r="C56" s="983"/>
      <c r="D56" s="908">
        <v>44317</v>
      </c>
      <c r="E56" s="848"/>
      <c r="F56" s="849"/>
      <c r="G56" s="847">
        <v>44287</v>
      </c>
      <c r="H56" s="848"/>
      <c r="I56" s="849"/>
      <c r="J56" s="847">
        <v>44287</v>
      </c>
      <c r="K56" s="848"/>
      <c r="L56" s="849"/>
      <c r="M56" s="785"/>
      <c r="N56" s="777"/>
      <c r="O56" s="778"/>
      <c r="P56" s="782"/>
      <c r="Q56" s="777"/>
      <c r="R56" s="783"/>
      <c r="S56" s="785"/>
      <c r="T56" s="777"/>
      <c r="U56" s="783"/>
      <c r="V56" s="785"/>
      <c r="W56" s="777"/>
      <c r="X56" s="778"/>
      <c r="Y56" s="782"/>
      <c r="Z56" s="777"/>
      <c r="AA56" s="783"/>
      <c r="AB56" s="785"/>
      <c r="AC56" s="777"/>
      <c r="AD56" s="783"/>
      <c r="AE56" s="785"/>
      <c r="AF56" s="777"/>
      <c r="AG56" s="783"/>
      <c r="AH56" s="785"/>
      <c r="AI56" s="777"/>
      <c r="AJ56" s="778"/>
      <c r="AK56" s="777"/>
      <c r="AL56" s="777"/>
      <c r="AM56" s="777"/>
      <c r="AN56" s="778"/>
      <c r="AO56" s="21"/>
      <c r="AP56" s="980"/>
      <c r="AQ56" s="785"/>
      <c r="AR56" s="777"/>
      <c r="AS56" s="778"/>
      <c r="AT56" s="21"/>
      <c r="AW56" s="797"/>
      <c r="AX56" s="798"/>
      <c r="AY56" s="798"/>
      <c r="AZ56" s="798"/>
      <c r="BA56" s="798"/>
      <c r="BB56" s="798"/>
      <c r="BC56" s="799"/>
      <c r="BD56" s="764"/>
      <c r="BE56" s="810"/>
      <c r="BF56" s="810"/>
      <c r="BG56" s="810"/>
      <c r="BH56" s="128"/>
      <c r="BI56" s="69"/>
      <c r="BJ56" s="69"/>
      <c r="BK56" s="128"/>
      <c r="BL56" s="69"/>
      <c r="BM56" s="69"/>
      <c r="BN56" s="128"/>
      <c r="BO56" s="69"/>
      <c r="BP56" s="69"/>
      <c r="BQ56" s="128"/>
      <c r="BR56" s="69"/>
      <c r="BS56" s="69"/>
      <c r="BT56" s="128"/>
      <c r="BU56" s="69"/>
      <c r="BV56" s="69"/>
      <c r="BW56" s="128"/>
      <c r="BX56" s="69"/>
      <c r="BY56" s="69"/>
      <c r="BZ56" s="128"/>
      <c r="CA56" s="69"/>
      <c r="CB56" s="69"/>
      <c r="CC56" s="128"/>
      <c r="CD56" s="69"/>
      <c r="CE56" s="69"/>
      <c r="CF56" s="129"/>
      <c r="CG56" s="128"/>
      <c r="CH56" s="69"/>
      <c r="CI56" s="130"/>
    </row>
    <row r="57" spans="1:87" ht="6" customHeight="1">
      <c r="A57" s="769"/>
      <c r="B57" s="770"/>
      <c r="C57" s="983"/>
      <c r="D57" s="909"/>
      <c r="E57" s="848"/>
      <c r="F57" s="849"/>
      <c r="G57" s="850"/>
      <c r="H57" s="848"/>
      <c r="I57" s="849"/>
      <c r="J57" s="850"/>
      <c r="K57" s="848"/>
      <c r="L57" s="849"/>
      <c r="M57" s="785"/>
      <c r="N57" s="777"/>
      <c r="O57" s="778"/>
      <c r="P57" s="782"/>
      <c r="Q57" s="777"/>
      <c r="R57" s="783"/>
      <c r="S57" s="785"/>
      <c r="T57" s="777"/>
      <c r="U57" s="783"/>
      <c r="V57" s="785"/>
      <c r="W57" s="777"/>
      <c r="X57" s="778"/>
      <c r="Y57" s="782"/>
      <c r="Z57" s="777"/>
      <c r="AA57" s="783"/>
      <c r="AB57" s="785"/>
      <c r="AC57" s="777"/>
      <c r="AD57" s="783"/>
      <c r="AE57" s="785"/>
      <c r="AF57" s="777"/>
      <c r="AG57" s="783"/>
      <c r="AH57" s="785"/>
      <c r="AI57" s="777"/>
      <c r="AJ57" s="778"/>
      <c r="AK57" s="777"/>
      <c r="AL57" s="777"/>
      <c r="AM57" s="777"/>
      <c r="AN57" s="778"/>
      <c r="AP57" s="980"/>
      <c r="AQ57" s="785"/>
      <c r="AR57" s="777"/>
      <c r="AS57" s="778"/>
      <c r="AW57" s="797"/>
      <c r="AX57" s="798"/>
      <c r="AY57" s="798"/>
      <c r="AZ57" s="798"/>
      <c r="BA57" s="798"/>
      <c r="BB57" s="798"/>
      <c r="BC57" s="799"/>
      <c r="BD57" s="764"/>
      <c r="BE57" s="810"/>
      <c r="BF57" s="810"/>
      <c r="BG57" s="810"/>
      <c r="BH57" s="128"/>
      <c r="BI57" s="122"/>
      <c r="BJ57" s="69"/>
      <c r="BK57" s="128"/>
      <c r="BL57" s="122"/>
      <c r="BM57" s="69"/>
      <c r="BN57" s="128"/>
      <c r="BO57" s="122"/>
      <c r="BP57" s="69"/>
      <c r="BQ57" s="128"/>
      <c r="BR57" s="122"/>
      <c r="BS57" s="69"/>
      <c r="BT57" s="128"/>
      <c r="BU57" s="122"/>
      <c r="BV57" s="69"/>
      <c r="BW57" s="128"/>
      <c r="BX57" s="122"/>
      <c r="BY57" s="69"/>
      <c r="BZ57" s="128"/>
      <c r="CA57" s="122"/>
      <c r="CB57" s="69"/>
      <c r="CC57" s="128"/>
      <c r="CD57" s="122"/>
      <c r="CE57" s="69"/>
      <c r="CF57" s="129"/>
      <c r="CG57" s="128"/>
      <c r="CH57" s="132"/>
      <c r="CI57" s="130"/>
    </row>
    <row r="58" spans="1:87" ht="10.5" customHeight="1">
      <c r="A58" s="769"/>
      <c r="B58" s="770"/>
      <c r="C58" s="983"/>
      <c r="D58" s="916" t="s">
        <v>279</v>
      </c>
      <c r="E58" s="858"/>
      <c r="F58" s="859"/>
      <c r="G58" s="857" t="s">
        <v>279</v>
      </c>
      <c r="H58" s="858"/>
      <c r="I58" s="859"/>
      <c r="J58" s="857" t="s">
        <v>279</v>
      </c>
      <c r="K58" s="858"/>
      <c r="L58" s="859"/>
      <c r="M58" s="785"/>
      <c r="N58" s="777"/>
      <c r="O58" s="778"/>
      <c r="P58" s="782"/>
      <c r="Q58" s="777"/>
      <c r="R58" s="783"/>
      <c r="S58" s="785"/>
      <c r="T58" s="777"/>
      <c r="U58" s="783"/>
      <c r="V58" s="785"/>
      <c r="W58" s="777"/>
      <c r="X58" s="778"/>
      <c r="Y58" s="782"/>
      <c r="Z58" s="777"/>
      <c r="AA58" s="783"/>
      <c r="AB58" s="785"/>
      <c r="AC58" s="777"/>
      <c r="AD58" s="783"/>
      <c r="AE58" s="785"/>
      <c r="AF58" s="777"/>
      <c r="AG58" s="783"/>
      <c r="AH58" s="785"/>
      <c r="AI58" s="777"/>
      <c r="AJ58" s="778"/>
      <c r="AK58" s="777"/>
      <c r="AL58" s="777"/>
      <c r="AM58" s="777"/>
      <c r="AN58" s="778"/>
      <c r="AP58" s="980"/>
      <c r="AQ58" s="785"/>
      <c r="AR58" s="777"/>
      <c r="AS58" s="778"/>
      <c r="AW58" s="800"/>
      <c r="AX58" s="801"/>
      <c r="AY58" s="801"/>
      <c r="AZ58" s="801"/>
      <c r="BA58" s="801"/>
      <c r="BB58" s="801"/>
      <c r="BC58" s="802"/>
      <c r="BD58" s="765"/>
      <c r="BE58" s="810"/>
      <c r="BF58" s="810"/>
      <c r="BG58" s="810"/>
      <c r="BH58" s="128"/>
      <c r="BI58" s="123"/>
      <c r="BJ58" s="123"/>
      <c r="BK58" s="128"/>
      <c r="BL58" s="123"/>
      <c r="BM58" s="123"/>
      <c r="BN58" s="128"/>
      <c r="BO58" s="123"/>
      <c r="BP58" s="123"/>
      <c r="BQ58" s="128"/>
      <c r="BR58" s="123"/>
      <c r="BS58" s="123"/>
      <c r="BT58" s="128"/>
      <c r="BU58" s="123"/>
      <c r="BV58" s="123"/>
      <c r="BW58" s="128"/>
      <c r="BX58" s="123"/>
      <c r="BY58" s="123"/>
      <c r="BZ58" s="128"/>
      <c r="CA58" s="123"/>
      <c r="CB58" s="123"/>
      <c r="CC58" s="128"/>
      <c r="CD58" s="123"/>
      <c r="CE58" s="120"/>
      <c r="CF58" s="133"/>
      <c r="CG58" s="134"/>
      <c r="CH58" s="135"/>
      <c r="CI58" s="136"/>
    </row>
    <row r="59" spans="1:87" ht="10.5" customHeight="1">
      <c r="A59" s="166">
        <v>8</v>
      </c>
      <c r="B59" s="163">
        <v>9</v>
      </c>
      <c r="C59" s="195"/>
      <c r="D59" s="917"/>
      <c r="E59" s="861"/>
      <c r="F59" s="862"/>
      <c r="G59" s="860"/>
      <c r="H59" s="861"/>
      <c r="I59" s="862"/>
      <c r="J59" s="860"/>
      <c r="K59" s="861"/>
      <c r="L59" s="862"/>
      <c r="M59" s="12">
        <v>10</v>
      </c>
      <c r="N59" s="11"/>
      <c r="O59" s="181">
        <v>12</v>
      </c>
      <c r="P59" s="180">
        <v>13</v>
      </c>
      <c r="Q59" s="11"/>
      <c r="R59" s="13">
        <v>15</v>
      </c>
      <c r="S59" s="12">
        <v>16</v>
      </c>
      <c r="T59" s="11"/>
      <c r="U59" s="13">
        <v>18</v>
      </c>
      <c r="V59" s="12">
        <v>19</v>
      </c>
      <c r="W59" s="11"/>
      <c r="X59" s="181">
        <v>21</v>
      </c>
      <c r="Y59" s="180">
        <v>22</v>
      </c>
      <c r="Z59" s="11"/>
      <c r="AA59" s="13">
        <v>24</v>
      </c>
      <c r="AB59" s="12">
        <v>25</v>
      </c>
      <c r="AC59" s="11"/>
      <c r="AD59" s="13">
        <v>27</v>
      </c>
      <c r="AE59" s="12">
        <v>28</v>
      </c>
      <c r="AF59" s="11"/>
      <c r="AG59" s="13">
        <v>30</v>
      </c>
      <c r="AH59" s="12">
        <v>31</v>
      </c>
      <c r="AI59" s="11"/>
      <c r="AJ59" s="181">
        <v>33</v>
      </c>
      <c r="AK59" s="168">
        <v>34</v>
      </c>
      <c r="AL59" s="168"/>
      <c r="AM59" s="168"/>
      <c r="AN59" s="164">
        <v>37</v>
      </c>
      <c r="AO59" s="37"/>
      <c r="AP59" s="981"/>
      <c r="AQ59" s="977"/>
      <c r="AR59" s="920"/>
      <c r="AS59" s="978"/>
      <c r="AT59" s="37"/>
      <c r="AW59" s="794" t="s">
        <v>269</v>
      </c>
      <c r="AX59" s="795"/>
      <c r="AY59" s="795"/>
      <c r="AZ59" s="795"/>
      <c r="BA59" s="795"/>
      <c r="BB59" s="795"/>
      <c r="BC59" s="796"/>
      <c r="BD59" s="823">
        <v>4</v>
      </c>
      <c r="BE59" s="810">
        <v>1</v>
      </c>
      <c r="BF59" s="810">
        <v>1</v>
      </c>
      <c r="BG59" s="810">
        <v>0</v>
      </c>
      <c r="BH59" s="137"/>
      <c r="BI59" s="138"/>
      <c r="BJ59" s="138"/>
      <c r="BK59" s="137"/>
      <c r="BL59" s="138"/>
      <c r="BM59" s="138"/>
      <c r="BN59" s="137"/>
      <c r="BO59" s="138"/>
      <c r="BP59" s="138"/>
      <c r="BQ59" s="137"/>
      <c r="BR59" s="138"/>
      <c r="BS59" s="138"/>
      <c r="BT59" s="137"/>
      <c r="BU59" s="138"/>
      <c r="BV59" s="138"/>
      <c r="BW59" s="137"/>
      <c r="BX59" s="138"/>
      <c r="BY59" s="138"/>
      <c r="BZ59" s="137"/>
      <c r="CA59" s="138"/>
      <c r="CB59" s="138"/>
      <c r="CC59" s="137"/>
      <c r="CD59" s="138"/>
      <c r="CE59" s="138"/>
      <c r="CF59" s="139"/>
      <c r="CG59" s="137"/>
      <c r="CH59" s="138"/>
      <c r="CI59" s="140"/>
    </row>
    <row r="60" spans="1:87" ht="10.5" customHeight="1">
      <c r="A60" s="968">
        <v>0</v>
      </c>
      <c r="B60" s="971">
        <v>2</v>
      </c>
      <c r="C60" s="896" t="s">
        <v>261</v>
      </c>
      <c r="D60" s="165"/>
      <c r="E60" s="214"/>
      <c r="F60" s="215" t="s">
        <v>280</v>
      </c>
      <c r="G60" s="162"/>
      <c r="H60" s="215"/>
      <c r="I60" s="213" t="s">
        <v>280</v>
      </c>
      <c r="J60" s="162"/>
      <c r="K60" s="215"/>
      <c r="L60" s="215" t="s">
        <v>280</v>
      </c>
      <c r="M60" s="216"/>
      <c r="N60" s="167"/>
      <c r="O60" s="212" t="s">
        <v>280</v>
      </c>
      <c r="P60" s="184"/>
      <c r="Q60" s="147"/>
      <c r="R60" s="213" t="s">
        <v>280</v>
      </c>
      <c r="S60" s="160"/>
      <c r="T60" s="147"/>
      <c r="U60" s="213" t="s">
        <v>280</v>
      </c>
      <c r="V60" s="186"/>
      <c r="W60" s="187"/>
      <c r="X60" s="211" t="s">
        <v>280</v>
      </c>
      <c r="Y60" s="184"/>
      <c r="Z60" s="147"/>
      <c r="AA60" s="213" t="s">
        <v>280</v>
      </c>
      <c r="AB60" s="160"/>
      <c r="AC60" s="147"/>
      <c r="AD60" s="213" t="s">
        <v>280</v>
      </c>
      <c r="AE60" s="160"/>
      <c r="AF60" s="147"/>
      <c r="AG60" s="213" t="s">
        <v>280</v>
      </c>
      <c r="AH60" s="186"/>
      <c r="AI60" s="187"/>
      <c r="AJ60" s="211" t="s">
        <v>280</v>
      </c>
      <c r="AK60" s="205"/>
      <c r="AL60" s="161"/>
      <c r="AM60" s="177"/>
      <c r="AN60" s="212" t="s">
        <v>280</v>
      </c>
      <c r="AO60" s="178"/>
      <c r="AP60" s="984" t="s">
        <v>261</v>
      </c>
      <c r="AQ60" s="186"/>
      <c r="AR60" s="187"/>
      <c r="AS60" s="211" t="s">
        <v>280</v>
      </c>
      <c r="AT60" s="41"/>
      <c r="AW60" s="797"/>
      <c r="AX60" s="798"/>
      <c r="AY60" s="798"/>
      <c r="AZ60" s="798"/>
      <c r="BA60" s="798"/>
      <c r="BB60" s="798"/>
      <c r="BC60" s="799"/>
      <c r="BD60" s="764"/>
      <c r="BE60" s="810"/>
      <c r="BF60" s="810"/>
      <c r="BG60" s="810"/>
      <c r="BH60" s="128"/>
      <c r="BI60" s="69"/>
      <c r="BJ60" s="69"/>
      <c r="BK60" s="128"/>
      <c r="BL60" s="69"/>
      <c r="BM60" s="69"/>
      <c r="BN60" s="128"/>
      <c r="BO60" s="69"/>
      <c r="BP60" s="69"/>
      <c r="BQ60" s="128"/>
      <c r="BR60" s="69"/>
      <c r="BS60" s="69"/>
      <c r="BT60" s="128"/>
      <c r="BU60" s="69"/>
      <c r="BV60" s="69"/>
      <c r="BW60" s="128"/>
      <c r="BX60" s="69"/>
      <c r="BY60" s="69"/>
      <c r="BZ60" s="128"/>
      <c r="CA60" s="69"/>
      <c r="CB60" s="69"/>
      <c r="CC60" s="128"/>
      <c r="CD60" s="69"/>
      <c r="CE60" s="69"/>
      <c r="CF60" s="129"/>
      <c r="CG60" s="128"/>
      <c r="CH60" s="69"/>
      <c r="CI60" s="130"/>
    </row>
    <row r="61" spans="1:87" ht="10.5" customHeight="1">
      <c r="A61" s="969"/>
      <c r="B61" s="972"/>
      <c r="C61" s="897"/>
      <c r="D61" s="183"/>
      <c r="E61" s="913">
        <v>1</v>
      </c>
      <c r="F61" s="791"/>
      <c r="G61" s="173"/>
      <c r="H61" s="913">
        <v>4</v>
      </c>
      <c r="I61" s="791"/>
      <c r="J61" s="173"/>
      <c r="K61" s="913">
        <v>7</v>
      </c>
      <c r="L61" s="791"/>
      <c r="M61" s="171"/>
      <c r="N61" s="174"/>
      <c r="O61" s="196"/>
      <c r="P61" s="183"/>
      <c r="Q61" s="913">
        <v>10</v>
      </c>
      <c r="R61" s="791"/>
      <c r="S61" s="173"/>
      <c r="T61" s="913">
        <v>13</v>
      </c>
      <c r="U61" s="791"/>
      <c r="V61" s="171"/>
      <c r="W61" s="169"/>
      <c r="X61" s="202"/>
      <c r="Y61" s="183"/>
      <c r="Z61" s="913">
        <v>16</v>
      </c>
      <c r="AA61" s="791"/>
      <c r="AB61" s="173"/>
      <c r="AC61" s="913">
        <v>19</v>
      </c>
      <c r="AD61" s="791"/>
      <c r="AE61" s="173"/>
      <c r="AF61" s="913">
        <v>22</v>
      </c>
      <c r="AG61" s="791"/>
      <c r="AH61" s="171"/>
      <c r="AI61" s="169"/>
      <c r="AJ61" s="202"/>
      <c r="AK61" s="206"/>
      <c r="AL61" s="174"/>
      <c r="AM61" s="913">
        <v>25</v>
      </c>
      <c r="AN61" s="987"/>
      <c r="AO61" s="179"/>
      <c r="AP61" s="985"/>
      <c r="AQ61" s="171"/>
      <c r="AR61" s="169"/>
      <c r="AS61" s="202"/>
      <c r="AW61" s="797"/>
      <c r="AX61" s="798"/>
      <c r="AY61" s="798"/>
      <c r="AZ61" s="798"/>
      <c r="BA61" s="798"/>
      <c r="BB61" s="798"/>
      <c r="BC61" s="799"/>
      <c r="BD61" s="764"/>
      <c r="BE61" s="810"/>
      <c r="BF61" s="810"/>
      <c r="BG61" s="810"/>
      <c r="BH61" s="128"/>
      <c r="BI61" s="122"/>
      <c r="BJ61" s="69"/>
      <c r="BK61" s="128"/>
      <c r="BL61" s="122"/>
      <c r="BM61" s="69"/>
      <c r="BN61" s="128"/>
      <c r="BO61" s="122"/>
      <c r="BP61" s="69"/>
      <c r="BQ61" s="128"/>
      <c r="BR61" s="122"/>
      <c r="BS61" s="69"/>
      <c r="BT61" s="128"/>
      <c r="BU61" s="122"/>
      <c r="BV61" s="69"/>
      <c r="BW61" s="128"/>
      <c r="BX61" s="122"/>
      <c r="BY61" s="69"/>
      <c r="BZ61" s="128"/>
      <c r="CA61" s="122"/>
      <c r="CB61" s="69"/>
      <c r="CC61" s="128"/>
      <c r="CD61" s="122"/>
      <c r="CE61" s="69"/>
      <c r="CF61" s="129"/>
      <c r="CG61" s="128"/>
      <c r="CH61" s="132"/>
      <c r="CI61" s="130"/>
    </row>
    <row r="62" spans="1:87" ht="10.5" customHeight="1">
      <c r="A62" s="969"/>
      <c r="B62" s="972"/>
      <c r="C62" s="897"/>
      <c r="D62" s="183"/>
      <c r="E62" s="790"/>
      <c r="F62" s="791"/>
      <c r="G62" s="173"/>
      <c r="H62" s="790"/>
      <c r="I62" s="791"/>
      <c r="J62" s="173"/>
      <c r="K62" s="790"/>
      <c r="L62" s="791"/>
      <c r="M62" s="171"/>
      <c r="N62" s="174"/>
      <c r="O62" s="197"/>
      <c r="P62" s="183"/>
      <c r="Q62" s="790"/>
      <c r="R62" s="791"/>
      <c r="S62" s="173"/>
      <c r="T62" s="790"/>
      <c r="U62" s="791"/>
      <c r="V62" s="171"/>
      <c r="W62" s="169"/>
      <c r="X62" s="197"/>
      <c r="Y62" s="183"/>
      <c r="Z62" s="790"/>
      <c r="AA62" s="791"/>
      <c r="AB62" s="173"/>
      <c r="AC62" s="790"/>
      <c r="AD62" s="791"/>
      <c r="AE62" s="173"/>
      <c r="AF62" s="790"/>
      <c r="AG62" s="791"/>
      <c r="AH62" s="171"/>
      <c r="AI62" s="169"/>
      <c r="AJ62" s="197"/>
      <c r="AK62" s="206"/>
      <c r="AL62" s="174"/>
      <c r="AM62" s="790"/>
      <c r="AN62" s="987"/>
      <c r="AO62" s="179"/>
      <c r="AP62" s="985"/>
      <c r="AQ62" s="171"/>
      <c r="AR62" s="169"/>
      <c r="AS62" s="197"/>
      <c r="AW62" s="800"/>
      <c r="AX62" s="801"/>
      <c r="AY62" s="801"/>
      <c r="AZ62" s="801"/>
      <c r="BA62" s="801"/>
      <c r="BB62" s="801"/>
      <c r="BC62" s="802"/>
      <c r="BD62" s="765"/>
      <c r="BE62" s="810"/>
      <c r="BF62" s="810"/>
      <c r="BG62" s="810"/>
      <c r="BH62" s="128"/>
      <c r="BI62" s="123"/>
      <c r="BJ62" s="123"/>
      <c r="BK62" s="128"/>
      <c r="BL62" s="123"/>
      <c r="BM62" s="123"/>
      <c r="BN62" s="128"/>
      <c r="BO62" s="123"/>
      <c r="BP62" s="123"/>
      <c r="BQ62" s="128"/>
      <c r="BR62" s="123"/>
      <c r="BS62" s="123"/>
      <c r="BT62" s="128"/>
      <c r="BU62" s="123"/>
      <c r="BV62" s="123"/>
      <c r="BW62" s="128"/>
      <c r="BX62" s="123"/>
      <c r="BY62" s="123"/>
      <c r="BZ62" s="128"/>
      <c r="CA62" s="123"/>
      <c r="CB62" s="123"/>
      <c r="CC62" s="128"/>
      <c r="CD62" s="123"/>
      <c r="CE62" s="120"/>
      <c r="CF62" s="133"/>
      <c r="CG62" s="134"/>
      <c r="CH62" s="135"/>
      <c r="CI62" s="136"/>
    </row>
    <row r="63" spans="1:87" ht="10.5" customHeight="1">
      <c r="A63" s="969"/>
      <c r="B63" s="972"/>
      <c r="C63" s="897"/>
      <c r="D63" s="183"/>
      <c r="E63" s="790"/>
      <c r="F63" s="791"/>
      <c r="G63" s="173"/>
      <c r="H63" s="790"/>
      <c r="I63" s="791"/>
      <c r="J63" s="173"/>
      <c r="K63" s="790"/>
      <c r="L63" s="791"/>
      <c r="M63" s="171"/>
      <c r="N63" s="174"/>
      <c r="O63" s="197"/>
      <c r="P63" s="183"/>
      <c r="Q63" s="790"/>
      <c r="R63" s="791"/>
      <c r="S63" s="173"/>
      <c r="T63" s="790"/>
      <c r="U63" s="791"/>
      <c r="V63" s="171"/>
      <c r="W63" s="169"/>
      <c r="X63" s="197"/>
      <c r="Y63" s="183"/>
      <c r="Z63" s="790"/>
      <c r="AA63" s="791"/>
      <c r="AB63" s="173"/>
      <c r="AC63" s="790"/>
      <c r="AD63" s="791"/>
      <c r="AE63" s="173"/>
      <c r="AF63" s="790"/>
      <c r="AG63" s="791"/>
      <c r="AH63" s="171"/>
      <c r="AI63" s="169"/>
      <c r="AJ63" s="197"/>
      <c r="AK63" s="206"/>
      <c r="AL63" s="174"/>
      <c r="AM63" s="790"/>
      <c r="AN63" s="987"/>
      <c r="AO63" s="179"/>
      <c r="AP63" s="985"/>
      <c r="AQ63" s="171"/>
      <c r="AR63" s="169"/>
      <c r="AS63" s="197"/>
      <c r="AW63" s="794" t="s">
        <v>269</v>
      </c>
      <c r="AX63" s="795"/>
      <c r="AY63" s="795"/>
      <c r="AZ63" s="795"/>
      <c r="BA63" s="795"/>
      <c r="BB63" s="795"/>
      <c r="BC63" s="796"/>
      <c r="BD63" s="823">
        <v>4</v>
      </c>
      <c r="BE63" s="810">
        <v>1</v>
      </c>
      <c r="BF63" s="810">
        <v>2</v>
      </c>
      <c r="BG63" s="810">
        <v>0</v>
      </c>
      <c r="BH63" s="137"/>
      <c r="BI63" s="138"/>
      <c r="BJ63" s="138"/>
      <c r="BK63" s="137"/>
      <c r="BL63" s="138"/>
      <c r="BM63" s="138"/>
      <c r="BN63" s="137"/>
      <c r="BO63" s="138"/>
      <c r="BP63" s="138"/>
      <c r="BQ63" s="137"/>
      <c r="BR63" s="138"/>
      <c r="BS63" s="138"/>
      <c r="BT63" s="137"/>
      <c r="BU63" s="138"/>
      <c r="BV63" s="138"/>
      <c r="BW63" s="137"/>
      <c r="BX63" s="138"/>
      <c r="BY63" s="138"/>
      <c r="BZ63" s="137"/>
      <c r="CA63" s="138"/>
      <c r="CB63" s="138"/>
      <c r="CC63" s="137"/>
      <c r="CD63" s="138"/>
      <c r="CE63" s="138"/>
      <c r="CF63" s="139"/>
      <c r="CG63" s="137"/>
      <c r="CH63" s="138"/>
      <c r="CI63" s="140"/>
    </row>
    <row r="64" spans="1:87" ht="10.5" customHeight="1">
      <c r="A64" s="969"/>
      <c r="B64" s="972"/>
      <c r="C64" s="897"/>
      <c r="D64" s="183"/>
      <c r="E64" s="790"/>
      <c r="F64" s="791"/>
      <c r="G64" s="173"/>
      <c r="H64" s="790"/>
      <c r="I64" s="791"/>
      <c r="J64" s="173"/>
      <c r="K64" s="790"/>
      <c r="L64" s="791"/>
      <c r="M64" s="171"/>
      <c r="N64" s="174"/>
      <c r="O64" s="197"/>
      <c r="P64" s="183"/>
      <c r="Q64" s="790"/>
      <c r="R64" s="791"/>
      <c r="S64" s="173"/>
      <c r="T64" s="790"/>
      <c r="U64" s="791"/>
      <c r="V64" s="171"/>
      <c r="W64" s="169"/>
      <c r="X64" s="197"/>
      <c r="Y64" s="183"/>
      <c r="Z64" s="790"/>
      <c r="AA64" s="791"/>
      <c r="AB64" s="173"/>
      <c r="AC64" s="790"/>
      <c r="AD64" s="791"/>
      <c r="AE64" s="173"/>
      <c r="AF64" s="790"/>
      <c r="AG64" s="791"/>
      <c r="AH64" s="171"/>
      <c r="AI64" s="169"/>
      <c r="AJ64" s="197"/>
      <c r="AK64" s="206"/>
      <c r="AL64" s="174"/>
      <c r="AM64" s="790"/>
      <c r="AN64" s="987"/>
      <c r="AO64" s="179"/>
      <c r="AP64" s="985"/>
      <c r="AQ64" s="171"/>
      <c r="AR64" s="169"/>
      <c r="AS64" s="197"/>
      <c r="AW64" s="797"/>
      <c r="AX64" s="798"/>
      <c r="AY64" s="798"/>
      <c r="AZ64" s="798"/>
      <c r="BA64" s="798"/>
      <c r="BB64" s="798"/>
      <c r="BC64" s="799"/>
      <c r="BD64" s="764"/>
      <c r="BE64" s="810"/>
      <c r="BF64" s="810"/>
      <c r="BG64" s="810"/>
      <c r="BH64" s="128"/>
      <c r="BI64" s="69"/>
      <c r="BJ64" s="69"/>
      <c r="BK64" s="128"/>
      <c r="BL64" s="69"/>
      <c r="BM64" s="69"/>
      <c r="BN64" s="128"/>
      <c r="BO64" s="69"/>
      <c r="BP64" s="69"/>
      <c r="BQ64" s="128"/>
      <c r="BR64" s="69"/>
      <c r="BS64" s="69"/>
      <c r="BT64" s="128"/>
      <c r="BU64" s="69"/>
      <c r="BV64" s="69"/>
      <c r="BW64" s="128"/>
      <c r="BX64" s="69"/>
      <c r="BY64" s="69"/>
      <c r="BZ64" s="128"/>
      <c r="CA64" s="69"/>
      <c r="CB64" s="69"/>
      <c r="CC64" s="128"/>
      <c r="CD64" s="69"/>
      <c r="CE64" s="69"/>
      <c r="CF64" s="129"/>
      <c r="CG64" s="128"/>
      <c r="CH64" s="69"/>
      <c r="CI64" s="130"/>
    </row>
    <row r="65" spans="1:87" ht="10.5" customHeight="1">
      <c r="A65" s="970"/>
      <c r="B65" s="973"/>
      <c r="C65" s="974"/>
      <c r="D65" s="198"/>
      <c r="E65" s="914"/>
      <c r="F65" s="915"/>
      <c r="G65" s="63"/>
      <c r="H65" s="914"/>
      <c r="I65" s="915"/>
      <c r="J65" s="63"/>
      <c r="K65" s="914"/>
      <c r="L65" s="915"/>
      <c r="M65" s="172"/>
      <c r="N65" s="64"/>
      <c r="O65" s="199"/>
      <c r="P65" s="198"/>
      <c r="Q65" s="914"/>
      <c r="R65" s="915"/>
      <c r="S65" s="63"/>
      <c r="T65" s="914"/>
      <c r="U65" s="915"/>
      <c r="V65" s="172"/>
      <c r="W65" s="170"/>
      <c r="X65" s="199"/>
      <c r="Y65" s="198"/>
      <c r="Z65" s="914"/>
      <c r="AA65" s="915"/>
      <c r="AB65" s="63"/>
      <c r="AC65" s="914"/>
      <c r="AD65" s="915"/>
      <c r="AE65" s="63"/>
      <c r="AF65" s="914"/>
      <c r="AG65" s="915"/>
      <c r="AH65" s="172"/>
      <c r="AI65" s="170"/>
      <c r="AJ65" s="199"/>
      <c r="AK65" s="207"/>
      <c r="AL65" s="64"/>
      <c r="AM65" s="914"/>
      <c r="AN65" s="988"/>
      <c r="AO65" s="179"/>
      <c r="AP65" s="986"/>
      <c r="AQ65" s="172"/>
      <c r="AR65" s="170"/>
      <c r="AS65" s="199"/>
      <c r="AW65" s="797"/>
      <c r="AX65" s="798"/>
      <c r="AY65" s="798"/>
      <c r="AZ65" s="798"/>
      <c r="BA65" s="798"/>
      <c r="BB65" s="798"/>
      <c r="BC65" s="799"/>
      <c r="BD65" s="764"/>
      <c r="BE65" s="810"/>
      <c r="BF65" s="810"/>
      <c r="BG65" s="810"/>
      <c r="BH65" s="128"/>
      <c r="BI65" s="122"/>
      <c r="BJ65" s="69"/>
      <c r="BK65" s="128"/>
      <c r="BL65" s="122"/>
      <c r="BM65" s="69"/>
      <c r="BN65" s="128"/>
      <c r="BO65" s="122"/>
      <c r="BP65" s="69"/>
      <c r="BQ65" s="128"/>
      <c r="BR65" s="122"/>
      <c r="BS65" s="69"/>
      <c r="BT65" s="128"/>
      <c r="BU65" s="122"/>
      <c r="BV65" s="69"/>
      <c r="BW65" s="128"/>
      <c r="BX65" s="122"/>
      <c r="BY65" s="69"/>
      <c r="BZ65" s="128"/>
      <c r="CA65" s="122"/>
      <c r="CB65" s="69"/>
      <c r="CC65" s="128"/>
      <c r="CD65" s="122"/>
      <c r="CE65" s="69"/>
      <c r="CF65" s="129"/>
      <c r="CG65" s="128"/>
      <c r="CH65" s="132"/>
      <c r="CI65" s="130"/>
    </row>
    <row r="66" spans="1:87" ht="10.5" customHeight="1" thickBot="1">
      <c r="A66" s="968">
        <v>0</v>
      </c>
      <c r="B66" s="971">
        <v>3</v>
      </c>
      <c r="C66" s="896" t="s">
        <v>281</v>
      </c>
      <c r="D66" s="184"/>
      <c r="E66" s="913">
        <v>2</v>
      </c>
      <c r="F66" s="791"/>
      <c r="G66" s="160"/>
      <c r="H66" s="913">
        <v>5</v>
      </c>
      <c r="I66" s="791"/>
      <c r="J66" s="160"/>
      <c r="K66" s="913">
        <v>8</v>
      </c>
      <c r="L66" s="791"/>
      <c r="M66" s="186"/>
      <c r="N66" s="187"/>
      <c r="O66" s="185"/>
      <c r="P66" s="184"/>
      <c r="Q66" s="913">
        <v>11</v>
      </c>
      <c r="R66" s="791"/>
      <c r="S66" s="160"/>
      <c r="T66" s="913">
        <v>14</v>
      </c>
      <c r="U66" s="791"/>
      <c r="V66" s="186"/>
      <c r="W66" s="187"/>
      <c r="X66" s="185"/>
      <c r="Y66" s="184"/>
      <c r="Z66" s="913">
        <v>17</v>
      </c>
      <c r="AA66" s="791"/>
      <c r="AB66" s="160"/>
      <c r="AC66" s="913">
        <v>20</v>
      </c>
      <c r="AD66" s="791"/>
      <c r="AE66" s="160"/>
      <c r="AF66" s="913">
        <v>23</v>
      </c>
      <c r="AG66" s="791"/>
      <c r="AH66" s="186"/>
      <c r="AI66" s="187"/>
      <c r="AJ66" s="185"/>
      <c r="AK66" s="205"/>
      <c r="AL66" s="161"/>
      <c r="AM66" s="913">
        <v>26</v>
      </c>
      <c r="AN66" s="987"/>
      <c r="AO66" s="179"/>
      <c r="AP66" s="984" t="s">
        <v>281</v>
      </c>
      <c r="AQ66" s="186"/>
      <c r="AR66" s="187"/>
      <c r="AS66" s="209"/>
      <c r="AW66" s="803"/>
      <c r="AX66" s="804"/>
      <c r="AY66" s="804"/>
      <c r="AZ66" s="804"/>
      <c r="BA66" s="804"/>
      <c r="BB66" s="804"/>
      <c r="BC66" s="805"/>
      <c r="BD66" s="922"/>
      <c r="BE66" s="923"/>
      <c r="BF66" s="923"/>
      <c r="BG66" s="923"/>
      <c r="BH66" s="141"/>
      <c r="BI66" s="142"/>
      <c r="BJ66" s="142"/>
      <c r="BK66" s="141"/>
      <c r="BL66" s="142"/>
      <c r="BM66" s="142"/>
      <c r="BN66" s="141"/>
      <c r="BO66" s="142"/>
      <c r="BP66" s="142"/>
      <c r="BQ66" s="141"/>
      <c r="BR66" s="142"/>
      <c r="BS66" s="142"/>
      <c r="BT66" s="141"/>
      <c r="BU66" s="142"/>
      <c r="BV66" s="142"/>
      <c r="BW66" s="141"/>
      <c r="BX66" s="142"/>
      <c r="BY66" s="142"/>
      <c r="BZ66" s="141"/>
      <c r="CA66" s="142"/>
      <c r="CB66" s="142"/>
      <c r="CC66" s="141"/>
      <c r="CD66" s="142"/>
      <c r="CE66" s="143"/>
      <c r="CF66" s="144"/>
      <c r="CG66" s="141"/>
      <c r="CH66" s="145"/>
      <c r="CI66" s="146"/>
    </row>
    <row r="67" spans="1:87" ht="10.5" customHeight="1">
      <c r="A67" s="969"/>
      <c r="B67" s="972"/>
      <c r="C67" s="897"/>
      <c r="D67" s="183"/>
      <c r="E67" s="790"/>
      <c r="F67" s="791"/>
      <c r="G67" s="173"/>
      <c r="H67" s="790"/>
      <c r="I67" s="791"/>
      <c r="J67" s="173"/>
      <c r="K67" s="790"/>
      <c r="L67" s="791"/>
      <c r="M67" s="171"/>
      <c r="N67" s="169"/>
      <c r="O67" s="182"/>
      <c r="P67" s="183"/>
      <c r="Q67" s="790"/>
      <c r="R67" s="791"/>
      <c r="S67" s="173"/>
      <c r="T67" s="790"/>
      <c r="U67" s="791"/>
      <c r="V67" s="171"/>
      <c r="W67" s="169"/>
      <c r="X67" s="182"/>
      <c r="Y67" s="183"/>
      <c r="Z67" s="790"/>
      <c r="AA67" s="791"/>
      <c r="AB67" s="173"/>
      <c r="AC67" s="790"/>
      <c r="AD67" s="791"/>
      <c r="AE67" s="173"/>
      <c r="AF67" s="790"/>
      <c r="AG67" s="791"/>
      <c r="AH67" s="171"/>
      <c r="AI67" s="169"/>
      <c r="AJ67" s="182"/>
      <c r="AK67" s="206"/>
      <c r="AL67" s="174"/>
      <c r="AM67" s="790"/>
      <c r="AN67" s="987"/>
      <c r="AO67" s="179"/>
      <c r="AP67" s="985"/>
      <c r="AQ67" s="171"/>
      <c r="AR67" s="169"/>
      <c r="AS67" s="197"/>
      <c r="AW67" s="806" t="s">
        <v>269</v>
      </c>
      <c r="AX67" s="807"/>
      <c r="AY67" s="807"/>
      <c r="AZ67" s="807"/>
      <c r="BA67" s="807"/>
      <c r="BB67" s="807"/>
      <c r="BC67" s="808"/>
      <c r="BD67" s="763">
        <v>4</v>
      </c>
      <c r="BE67" s="809">
        <v>1</v>
      </c>
      <c r="BF67" s="809">
        <v>3</v>
      </c>
      <c r="BG67" s="809">
        <v>0</v>
      </c>
      <c r="BH67" s="124"/>
      <c r="BI67" s="125"/>
      <c r="BJ67" s="125"/>
      <c r="BK67" s="124"/>
      <c r="BL67" s="125"/>
      <c r="BM67" s="125"/>
      <c r="BN67" s="124"/>
      <c r="BO67" s="125"/>
      <c r="BP67" s="125"/>
      <c r="BQ67" s="124"/>
      <c r="BR67" s="125"/>
      <c r="BS67" s="125"/>
      <c r="BT67" s="124"/>
      <c r="BU67" s="125"/>
      <c r="BV67" s="125"/>
      <c r="BW67" s="124"/>
      <c r="BX67" s="125"/>
      <c r="BY67" s="125"/>
      <c r="BZ67" s="124"/>
      <c r="CA67" s="125"/>
      <c r="CB67" s="125"/>
      <c r="CC67" s="124"/>
      <c r="CD67" s="125"/>
      <c r="CE67" s="125"/>
      <c r="CF67" s="126"/>
      <c r="CG67" s="124"/>
      <c r="CH67" s="125"/>
      <c r="CI67" s="127"/>
    </row>
    <row r="68" spans="1:87" ht="10.5" customHeight="1">
      <c r="A68" s="969"/>
      <c r="B68" s="972"/>
      <c r="C68" s="897"/>
      <c r="D68" s="183"/>
      <c r="E68" s="790"/>
      <c r="F68" s="791"/>
      <c r="G68" s="173"/>
      <c r="H68" s="790"/>
      <c r="I68" s="791"/>
      <c r="J68" s="173"/>
      <c r="K68" s="790"/>
      <c r="L68" s="791"/>
      <c r="M68" s="171"/>
      <c r="N68" s="169"/>
      <c r="O68" s="182"/>
      <c r="P68" s="183"/>
      <c r="Q68" s="790"/>
      <c r="R68" s="791"/>
      <c r="S68" s="173"/>
      <c r="T68" s="790"/>
      <c r="U68" s="791"/>
      <c r="V68" s="171"/>
      <c r="W68" s="169"/>
      <c r="X68" s="182"/>
      <c r="Y68" s="183"/>
      <c r="Z68" s="790"/>
      <c r="AA68" s="791"/>
      <c r="AB68" s="173"/>
      <c r="AC68" s="790"/>
      <c r="AD68" s="791"/>
      <c r="AE68" s="173"/>
      <c r="AF68" s="790"/>
      <c r="AG68" s="791"/>
      <c r="AH68" s="171"/>
      <c r="AI68" s="169"/>
      <c r="AJ68" s="182"/>
      <c r="AK68" s="206"/>
      <c r="AL68" s="174"/>
      <c r="AM68" s="790"/>
      <c r="AN68" s="987"/>
      <c r="AO68" s="179"/>
      <c r="AP68" s="985"/>
      <c r="AQ68" s="171"/>
      <c r="AR68" s="169"/>
      <c r="AS68" s="197"/>
      <c r="AW68" s="797"/>
      <c r="AX68" s="798"/>
      <c r="AY68" s="798"/>
      <c r="AZ68" s="798"/>
      <c r="BA68" s="798"/>
      <c r="BB68" s="798"/>
      <c r="BC68" s="799"/>
      <c r="BD68" s="764"/>
      <c r="BE68" s="810"/>
      <c r="BF68" s="810"/>
      <c r="BG68" s="810"/>
      <c r="BH68" s="128"/>
      <c r="BI68" s="69"/>
      <c r="BJ68" s="69"/>
      <c r="BK68" s="128"/>
      <c r="BL68" s="69"/>
      <c r="BM68" s="69"/>
      <c r="BN68" s="128"/>
      <c r="BO68" s="69"/>
      <c r="BP68" s="69"/>
      <c r="BQ68" s="128"/>
      <c r="BR68" s="69"/>
      <c r="BS68" s="69"/>
      <c r="BT68" s="128"/>
      <c r="BU68" s="69"/>
      <c r="BV68" s="69"/>
      <c r="BW68" s="128"/>
      <c r="BX68" s="69"/>
      <c r="BY68" s="69"/>
      <c r="BZ68" s="128"/>
      <c r="CA68" s="69"/>
      <c r="CB68" s="69"/>
      <c r="CC68" s="128"/>
      <c r="CD68" s="69"/>
      <c r="CE68" s="69"/>
      <c r="CF68" s="129"/>
      <c r="CG68" s="128"/>
      <c r="CH68" s="69"/>
      <c r="CI68" s="130"/>
    </row>
    <row r="69" spans="1:87" ht="10.5" customHeight="1">
      <c r="A69" s="969"/>
      <c r="B69" s="972"/>
      <c r="C69" s="897"/>
      <c r="D69" s="183"/>
      <c r="E69" s="790"/>
      <c r="F69" s="791"/>
      <c r="G69" s="173"/>
      <c r="H69" s="790"/>
      <c r="I69" s="791"/>
      <c r="J69" s="173"/>
      <c r="K69" s="790"/>
      <c r="L69" s="791"/>
      <c r="M69" s="171"/>
      <c r="N69" s="169"/>
      <c r="O69" s="182"/>
      <c r="P69" s="183"/>
      <c r="Q69" s="790"/>
      <c r="R69" s="791"/>
      <c r="S69" s="173"/>
      <c r="T69" s="790"/>
      <c r="U69" s="791"/>
      <c r="V69" s="171"/>
      <c r="W69" s="169"/>
      <c r="X69" s="182"/>
      <c r="Y69" s="183"/>
      <c r="Z69" s="790"/>
      <c r="AA69" s="791"/>
      <c r="AB69" s="173"/>
      <c r="AC69" s="790"/>
      <c r="AD69" s="791"/>
      <c r="AE69" s="173"/>
      <c r="AF69" s="790"/>
      <c r="AG69" s="791"/>
      <c r="AH69" s="171"/>
      <c r="AI69" s="169"/>
      <c r="AJ69" s="182"/>
      <c r="AK69" s="206"/>
      <c r="AL69" s="174"/>
      <c r="AM69" s="790"/>
      <c r="AN69" s="987"/>
      <c r="AO69" s="179"/>
      <c r="AP69" s="985"/>
      <c r="AQ69" s="171"/>
      <c r="AR69" s="169"/>
      <c r="AS69" s="197"/>
      <c r="AW69" s="797"/>
      <c r="AX69" s="798"/>
      <c r="AY69" s="798"/>
      <c r="AZ69" s="798"/>
      <c r="BA69" s="798"/>
      <c r="BB69" s="798"/>
      <c r="BC69" s="799"/>
      <c r="BD69" s="764"/>
      <c r="BE69" s="810"/>
      <c r="BF69" s="810"/>
      <c r="BG69" s="810"/>
      <c r="BH69" s="128"/>
      <c r="BI69" s="122"/>
      <c r="BJ69" s="69"/>
      <c r="BK69" s="128"/>
      <c r="BL69" s="122"/>
      <c r="BM69" s="69"/>
      <c r="BN69" s="128"/>
      <c r="BO69" s="122"/>
      <c r="BP69" s="69"/>
      <c r="BQ69" s="128"/>
      <c r="BR69" s="122"/>
      <c r="BS69" s="69"/>
      <c r="BT69" s="128"/>
      <c r="BU69" s="122"/>
      <c r="BV69" s="69"/>
      <c r="BW69" s="128"/>
      <c r="BX69" s="122"/>
      <c r="BY69" s="69"/>
      <c r="BZ69" s="128"/>
      <c r="CA69" s="122"/>
      <c r="CB69" s="69"/>
      <c r="CC69" s="128"/>
      <c r="CD69" s="122"/>
      <c r="CE69" s="69"/>
      <c r="CF69" s="129"/>
      <c r="CG69" s="128"/>
      <c r="CH69" s="132"/>
      <c r="CI69" s="130"/>
    </row>
    <row r="70" spans="1:87" ht="10.5" customHeight="1">
      <c r="A70" s="970"/>
      <c r="B70" s="973"/>
      <c r="C70" s="974"/>
      <c r="D70" s="198"/>
      <c r="E70" s="914"/>
      <c r="F70" s="915"/>
      <c r="G70" s="63"/>
      <c r="H70" s="914"/>
      <c r="I70" s="915"/>
      <c r="J70" s="63"/>
      <c r="K70" s="914"/>
      <c r="L70" s="915"/>
      <c r="M70" s="172"/>
      <c r="N70" s="170"/>
      <c r="O70" s="188"/>
      <c r="P70" s="198"/>
      <c r="Q70" s="914"/>
      <c r="R70" s="915"/>
      <c r="S70" s="63"/>
      <c r="T70" s="914"/>
      <c r="U70" s="915"/>
      <c r="V70" s="172"/>
      <c r="W70" s="170"/>
      <c r="X70" s="188"/>
      <c r="Y70" s="198"/>
      <c r="Z70" s="914"/>
      <c r="AA70" s="915"/>
      <c r="AB70" s="63"/>
      <c r="AC70" s="914"/>
      <c r="AD70" s="915"/>
      <c r="AE70" s="63"/>
      <c r="AF70" s="914"/>
      <c r="AG70" s="915"/>
      <c r="AH70" s="172"/>
      <c r="AI70" s="170"/>
      <c r="AJ70" s="188"/>
      <c r="AK70" s="207"/>
      <c r="AL70" s="64"/>
      <c r="AM70" s="914"/>
      <c r="AN70" s="988"/>
      <c r="AO70" s="179"/>
      <c r="AP70" s="986"/>
      <c r="AQ70" s="172"/>
      <c r="AR70" s="170"/>
      <c r="AS70" s="199"/>
      <c r="AW70" s="800"/>
      <c r="AX70" s="801"/>
      <c r="AY70" s="801"/>
      <c r="AZ70" s="801"/>
      <c r="BA70" s="801"/>
      <c r="BB70" s="801"/>
      <c r="BC70" s="802"/>
      <c r="BD70" s="765"/>
      <c r="BE70" s="810"/>
      <c r="BF70" s="810"/>
      <c r="BG70" s="810"/>
      <c r="BH70" s="128"/>
      <c r="BI70" s="123"/>
      <c r="BJ70" s="123"/>
      <c r="BK70" s="128"/>
      <c r="BL70" s="123"/>
      <c r="BM70" s="123"/>
      <c r="BN70" s="128"/>
      <c r="BO70" s="123"/>
      <c r="BP70" s="123"/>
      <c r="BQ70" s="128"/>
      <c r="BR70" s="123"/>
      <c r="BS70" s="123"/>
      <c r="BT70" s="128"/>
      <c r="BU70" s="123"/>
      <c r="BV70" s="123"/>
      <c r="BW70" s="128"/>
      <c r="BX70" s="123"/>
      <c r="BY70" s="123"/>
      <c r="BZ70" s="128"/>
      <c r="CA70" s="123"/>
      <c r="CB70" s="123"/>
      <c r="CC70" s="128"/>
      <c r="CD70" s="123"/>
      <c r="CE70" s="120"/>
      <c r="CF70" s="133"/>
      <c r="CG70" s="134"/>
      <c r="CH70" s="135"/>
      <c r="CI70" s="136"/>
    </row>
    <row r="71" spans="1:87" ht="10.5" customHeight="1">
      <c r="A71" s="968">
        <v>0</v>
      </c>
      <c r="B71" s="971">
        <v>4</v>
      </c>
      <c r="C71" s="896" t="s">
        <v>282</v>
      </c>
      <c r="D71" s="200"/>
      <c r="E71" s="788">
        <v>3</v>
      </c>
      <c r="F71" s="789"/>
      <c r="G71" s="175"/>
      <c r="H71" s="788">
        <v>6</v>
      </c>
      <c r="I71" s="789"/>
      <c r="J71" s="176"/>
      <c r="K71" s="788">
        <v>9</v>
      </c>
      <c r="L71" s="789"/>
      <c r="M71" s="186"/>
      <c r="N71" s="187"/>
      <c r="O71" s="185"/>
      <c r="P71" s="203"/>
      <c r="Q71" s="788">
        <v>12</v>
      </c>
      <c r="R71" s="789"/>
      <c r="S71" s="175"/>
      <c r="T71" s="788">
        <v>15</v>
      </c>
      <c r="U71" s="789"/>
      <c r="V71" s="186"/>
      <c r="W71" s="187"/>
      <c r="X71" s="185"/>
      <c r="Y71" s="203"/>
      <c r="Z71" s="788">
        <v>18</v>
      </c>
      <c r="AA71" s="789"/>
      <c r="AB71" s="175"/>
      <c r="AC71" s="788">
        <v>21</v>
      </c>
      <c r="AD71" s="789"/>
      <c r="AE71" s="175"/>
      <c r="AF71" s="788">
        <v>24</v>
      </c>
      <c r="AG71" s="789"/>
      <c r="AH71" s="186"/>
      <c r="AI71" s="187"/>
      <c r="AJ71" s="185"/>
      <c r="AK71" s="205"/>
      <c r="AL71" s="161"/>
      <c r="AM71" s="788">
        <v>27</v>
      </c>
      <c r="AN71" s="990"/>
      <c r="AO71" s="179"/>
      <c r="AP71" s="984" t="s">
        <v>282</v>
      </c>
      <c r="AQ71" s="186"/>
      <c r="AR71" s="187"/>
      <c r="AS71" s="209"/>
      <c r="AW71" s="794" t="s">
        <v>269</v>
      </c>
      <c r="AX71" s="795"/>
      <c r="AY71" s="795"/>
      <c r="AZ71" s="795"/>
      <c r="BA71" s="795"/>
      <c r="BB71" s="795"/>
      <c r="BC71" s="796"/>
      <c r="BD71" s="823">
        <v>4</v>
      </c>
      <c r="BE71" s="810">
        <v>1</v>
      </c>
      <c r="BF71" s="810">
        <v>4</v>
      </c>
      <c r="BG71" s="810">
        <v>0</v>
      </c>
      <c r="BH71" s="137"/>
      <c r="BI71" s="138"/>
      <c r="BJ71" s="138"/>
      <c r="BK71" s="137"/>
      <c r="BL71" s="138"/>
      <c r="BM71" s="138"/>
      <c r="BN71" s="137"/>
      <c r="BO71" s="138"/>
      <c r="BP71" s="138"/>
      <c r="BQ71" s="137"/>
      <c r="BR71" s="138"/>
      <c r="BS71" s="138"/>
      <c r="BT71" s="137"/>
      <c r="BU71" s="138"/>
      <c r="BV71" s="138"/>
      <c r="BW71" s="137"/>
      <c r="BX71" s="138"/>
      <c r="BY71" s="138"/>
      <c r="BZ71" s="137"/>
      <c r="CA71" s="138"/>
      <c r="CB71" s="138"/>
      <c r="CC71" s="137"/>
      <c r="CD71" s="138"/>
      <c r="CE71" s="138"/>
      <c r="CF71" s="139"/>
      <c r="CG71" s="137"/>
      <c r="CH71" s="138"/>
      <c r="CI71" s="140"/>
    </row>
    <row r="72" spans="1:87" ht="10.5" customHeight="1">
      <c r="A72" s="969"/>
      <c r="B72" s="972"/>
      <c r="C72" s="897"/>
      <c r="D72" s="200"/>
      <c r="E72" s="790"/>
      <c r="F72" s="791"/>
      <c r="G72" s="175"/>
      <c r="H72" s="790"/>
      <c r="I72" s="791"/>
      <c r="J72" s="176"/>
      <c r="K72" s="790"/>
      <c r="L72" s="791"/>
      <c r="M72" s="171"/>
      <c r="N72" s="169"/>
      <c r="O72" s="182"/>
      <c r="P72" s="203"/>
      <c r="Q72" s="790"/>
      <c r="R72" s="791"/>
      <c r="S72" s="175"/>
      <c r="T72" s="790"/>
      <c r="U72" s="791"/>
      <c r="V72" s="171"/>
      <c r="W72" s="169"/>
      <c r="X72" s="182"/>
      <c r="Y72" s="203"/>
      <c r="Z72" s="790"/>
      <c r="AA72" s="791"/>
      <c r="AB72" s="175"/>
      <c r="AC72" s="790"/>
      <c r="AD72" s="791"/>
      <c r="AE72" s="175"/>
      <c r="AF72" s="790"/>
      <c r="AG72" s="791"/>
      <c r="AH72" s="171"/>
      <c r="AI72" s="169"/>
      <c r="AJ72" s="182"/>
      <c r="AK72" s="206"/>
      <c r="AL72" s="174"/>
      <c r="AM72" s="790"/>
      <c r="AN72" s="987"/>
      <c r="AO72" s="179"/>
      <c r="AP72" s="985"/>
      <c r="AQ72" s="171"/>
      <c r="AR72" s="169"/>
      <c r="AS72" s="197"/>
      <c r="AW72" s="797"/>
      <c r="AX72" s="798"/>
      <c r="AY72" s="798"/>
      <c r="AZ72" s="798"/>
      <c r="BA72" s="798"/>
      <c r="BB72" s="798"/>
      <c r="BC72" s="799"/>
      <c r="BD72" s="764"/>
      <c r="BE72" s="810"/>
      <c r="BF72" s="810"/>
      <c r="BG72" s="810"/>
      <c r="BH72" s="128"/>
      <c r="BI72" s="69"/>
      <c r="BJ72" s="69"/>
      <c r="BK72" s="128"/>
      <c r="BL72" s="69"/>
      <c r="BM72" s="69"/>
      <c r="BN72" s="128"/>
      <c r="BO72" s="69"/>
      <c r="BP72" s="69"/>
      <c r="BQ72" s="128"/>
      <c r="BR72" s="69"/>
      <c r="BS72" s="69"/>
      <c r="BT72" s="128"/>
      <c r="BU72" s="69"/>
      <c r="BV72" s="69"/>
      <c r="BW72" s="128"/>
      <c r="BX72" s="69"/>
      <c r="BY72" s="69"/>
      <c r="BZ72" s="128"/>
      <c r="CA72" s="69"/>
      <c r="CB72" s="69"/>
      <c r="CC72" s="128"/>
      <c r="CD72" s="69"/>
      <c r="CE72" s="69"/>
      <c r="CF72" s="129"/>
      <c r="CG72" s="128"/>
      <c r="CH72" s="69"/>
      <c r="CI72" s="130"/>
    </row>
    <row r="73" spans="1:87" ht="10.5" customHeight="1">
      <c r="A73" s="969"/>
      <c r="B73" s="972"/>
      <c r="C73" s="897"/>
      <c r="D73" s="200"/>
      <c r="E73" s="790"/>
      <c r="F73" s="791"/>
      <c r="G73" s="175"/>
      <c r="H73" s="790"/>
      <c r="I73" s="791"/>
      <c r="J73" s="176"/>
      <c r="K73" s="790"/>
      <c r="L73" s="791"/>
      <c r="M73" s="171"/>
      <c r="N73" s="169"/>
      <c r="O73" s="182"/>
      <c r="P73" s="203"/>
      <c r="Q73" s="790"/>
      <c r="R73" s="791"/>
      <c r="S73" s="175"/>
      <c r="T73" s="790"/>
      <c r="U73" s="791"/>
      <c r="V73" s="171"/>
      <c r="W73" s="169"/>
      <c r="X73" s="182"/>
      <c r="Y73" s="203"/>
      <c r="Z73" s="790"/>
      <c r="AA73" s="791"/>
      <c r="AB73" s="175"/>
      <c r="AC73" s="790"/>
      <c r="AD73" s="791"/>
      <c r="AE73" s="175"/>
      <c r="AF73" s="790"/>
      <c r="AG73" s="791"/>
      <c r="AH73" s="171"/>
      <c r="AI73" s="169"/>
      <c r="AJ73" s="182"/>
      <c r="AK73" s="206"/>
      <c r="AL73" s="174"/>
      <c r="AM73" s="790"/>
      <c r="AN73" s="987"/>
      <c r="AO73" s="179"/>
      <c r="AP73" s="985"/>
      <c r="AQ73" s="171"/>
      <c r="AR73" s="169"/>
      <c r="AS73" s="197"/>
      <c r="AW73" s="797"/>
      <c r="AX73" s="798"/>
      <c r="AY73" s="798"/>
      <c r="AZ73" s="798"/>
      <c r="BA73" s="798"/>
      <c r="BB73" s="798"/>
      <c r="BC73" s="799"/>
      <c r="BD73" s="764"/>
      <c r="BE73" s="810"/>
      <c r="BF73" s="810"/>
      <c r="BG73" s="810"/>
      <c r="BH73" s="128"/>
      <c r="BI73" s="122"/>
      <c r="BJ73" s="69"/>
      <c r="BK73" s="128"/>
      <c r="BL73" s="122"/>
      <c r="BM73" s="69"/>
      <c r="BN73" s="128"/>
      <c r="BO73" s="122"/>
      <c r="BP73" s="69"/>
      <c r="BQ73" s="128"/>
      <c r="BR73" s="122"/>
      <c r="BS73" s="69"/>
      <c r="BT73" s="128"/>
      <c r="BU73" s="122"/>
      <c r="BV73" s="69"/>
      <c r="BW73" s="128"/>
      <c r="BX73" s="122"/>
      <c r="BY73" s="69"/>
      <c r="BZ73" s="128"/>
      <c r="CA73" s="122"/>
      <c r="CB73" s="69"/>
      <c r="CC73" s="128"/>
      <c r="CD73" s="122"/>
      <c r="CE73" s="69"/>
      <c r="CF73" s="129"/>
      <c r="CG73" s="128"/>
      <c r="CH73" s="132"/>
      <c r="CI73" s="130"/>
    </row>
    <row r="74" spans="1:87" ht="10.5" customHeight="1">
      <c r="A74" s="969"/>
      <c r="B74" s="972"/>
      <c r="C74" s="897"/>
      <c r="D74" s="200"/>
      <c r="E74" s="790"/>
      <c r="F74" s="791"/>
      <c r="G74" s="175"/>
      <c r="H74" s="790"/>
      <c r="I74" s="791"/>
      <c r="J74" s="176"/>
      <c r="K74" s="790"/>
      <c r="L74" s="791"/>
      <c r="M74" s="171"/>
      <c r="N74" s="169"/>
      <c r="O74" s="182"/>
      <c r="P74" s="203"/>
      <c r="Q74" s="790"/>
      <c r="R74" s="791"/>
      <c r="S74" s="175"/>
      <c r="T74" s="790"/>
      <c r="U74" s="791"/>
      <c r="V74" s="171"/>
      <c r="W74" s="169"/>
      <c r="X74" s="182"/>
      <c r="Y74" s="203"/>
      <c r="Z74" s="790"/>
      <c r="AA74" s="791"/>
      <c r="AB74" s="175"/>
      <c r="AC74" s="790"/>
      <c r="AD74" s="791"/>
      <c r="AE74" s="175"/>
      <c r="AF74" s="790"/>
      <c r="AG74" s="791"/>
      <c r="AH74" s="171"/>
      <c r="AI74" s="169"/>
      <c r="AJ74" s="182"/>
      <c r="AK74" s="206"/>
      <c r="AL74" s="174"/>
      <c r="AM74" s="790"/>
      <c r="AN74" s="987"/>
      <c r="AO74" s="179"/>
      <c r="AP74" s="985"/>
      <c r="AQ74" s="171"/>
      <c r="AR74" s="169"/>
      <c r="AS74" s="197"/>
      <c r="AW74" s="800"/>
      <c r="AX74" s="801"/>
      <c r="AY74" s="801"/>
      <c r="AZ74" s="801"/>
      <c r="BA74" s="801"/>
      <c r="BB74" s="801"/>
      <c r="BC74" s="802"/>
      <c r="BD74" s="765"/>
      <c r="BE74" s="810"/>
      <c r="BF74" s="810"/>
      <c r="BG74" s="810"/>
      <c r="BH74" s="128"/>
      <c r="BI74" s="123"/>
      <c r="BJ74" s="123"/>
      <c r="BK74" s="128"/>
      <c r="BL74" s="123"/>
      <c r="BM74" s="123"/>
      <c r="BN74" s="128"/>
      <c r="BO74" s="123"/>
      <c r="BP74" s="123"/>
      <c r="BQ74" s="128"/>
      <c r="BR74" s="123"/>
      <c r="BS74" s="123"/>
      <c r="BT74" s="128"/>
      <c r="BU74" s="123"/>
      <c r="BV74" s="123"/>
      <c r="BW74" s="128"/>
      <c r="BX74" s="123"/>
      <c r="BY74" s="123"/>
      <c r="BZ74" s="128"/>
      <c r="CA74" s="123"/>
      <c r="CB74" s="123"/>
      <c r="CC74" s="128"/>
      <c r="CD74" s="123"/>
      <c r="CE74" s="120"/>
      <c r="CF74" s="133"/>
      <c r="CG74" s="134"/>
      <c r="CH74" s="135"/>
      <c r="CI74" s="136"/>
    </row>
    <row r="75" spans="1:87" ht="10.5" customHeight="1" thickBot="1">
      <c r="A75" s="975"/>
      <c r="B75" s="976"/>
      <c r="C75" s="898"/>
      <c r="D75" s="201"/>
      <c r="E75" s="792"/>
      <c r="F75" s="793"/>
      <c r="G75" s="189"/>
      <c r="H75" s="792"/>
      <c r="I75" s="793"/>
      <c r="J75" s="190"/>
      <c r="K75" s="792"/>
      <c r="L75" s="793"/>
      <c r="M75" s="191"/>
      <c r="N75" s="192"/>
      <c r="O75" s="194"/>
      <c r="P75" s="204"/>
      <c r="Q75" s="792"/>
      <c r="R75" s="793"/>
      <c r="S75" s="189"/>
      <c r="T75" s="792"/>
      <c r="U75" s="793"/>
      <c r="V75" s="191"/>
      <c r="W75" s="192"/>
      <c r="X75" s="194"/>
      <c r="Y75" s="204"/>
      <c r="Z75" s="792"/>
      <c r="AA75" s="793"/>
      <c r="AB75" s="189"/>
      <c r="AC75" s="792"/>
      <c r="AD75" s="793"/>
      <c r="AE75" s="189"/>
      <c r="AF75" s="792"/>
      <c r="AG75" s="793"/>
      <c r="AH75" s="191"/>
      <c r="AI75" s="192"/>
      <c r="AJ75" s="194"/>
      <c r="AK75" s="208"/>
      <c r="AL75" s="193"/>
      <c r="AM75" s="792"/>
      <c r="AN75" s="991"/>
      <c r="AO75" s="179"/>
      <c r="AP75" s="989"/>
      <c r="AQ75" s="191"/>
      <c r="AR75" s="192"/>
      <c r="AS75" s="210"/>
      <c r="AW75" s="794" t="s">
        <v>269</v>
      </c>
      <c r="AX75" s="795"/>
      <c r="AY75" s="795"/>
      <c r="AZ75" s="795"/>
      <c r="BA75" s="795"/>
      <c r="BB75" s="795"/>
      <c r="BC75" s="796"/>
      <c r="BD75" s="823">
        <v>4</v>
      </c>
      <c r="BE75" s="810">
        <v>1</v>
      </c>
      <c r="BF75" s="810">
        <v>5</v>
      </c>
      <c r="BG75" s="810">
        <v>0</v>
      </c>
      <c r="BH75" s="137"/>
      <c r="BI75" s="138"/>
      <c r="BJ75" s="138"/>
      <c r="BK75" s="137"/>
      <c r="BL75" s="138"/>
      <c r="BM75" s="138"/>
      <c r="BN75" s="137"/>
      <c r="BO75" s="138"/>
      <c r="BP75" s="138"/>
      <c r="BQ75" s="137"/>
      <c r="BR75" s="138"/>
      <c r="BS75" s="138"/>
      <c r="BT75" s="137"/>
      <c r="BU75" s="138"/>
      <c r="BV75" s="138"/>
      <c r="BW75" s="137"/>
      <c r="BX75" s="138"/>
      <c r="BY75" s="138"/>
      <c r="BZ75" s="137"/>
      <c r="CA75" s="138"/>
      <c r="CB75" s="138"/>
      <c r="CC75" s="137"/>
      <c r="CD75" s="138"/>
      <c r="CE75" s="138"/>
      <c r="CF75" s="139"/>
      <c r="CG75" s="137"/>
      <c r="CH75" s="138"/>
      <c r="CI75" s="140"/>
    </row>
    <row r="76" spans="1:87" ht="10.5" customHeight="1">
      <c r="AW76" s="797"/>
      <c r="AX76" s="798"/>
      <c r="AY76" s="798"/>
      <c r="AZ76" s="798"/>
      <c r="BA76" s="798"/>
      <c r="BB76" s="798"/>
      <c r="BC76" s="799"/>
      <c r="BD76" s="764"/>
      <c r="BE76" s="810"/>
      <c r="BF76" s="810"/>
      <c r="BG76" s="810"/>
      <c r="BH76" s="128"/>
      <c r="BI76" s="69"/>
      <c r="BJ76" s="69"/>
      <c r="BK76" s="128"/>
      <c r="BL76" s="69"/>
      <c r="BM76" s="69"/>
      <c r="BN76" s="128"/>
      <c r="BO76" s="69"/>
      <c r="BP76" s="69"/>
      <c r="BQ76" s="128"/>
      <c r="BR76" s="69"/>
      <c r="BS76" s="69"/>
      <c r="BT76" s="128"/>
      <c r="BU76" s="69"/>
      <c r="BV76" s="69"/>
      <c r="BW76" s="128"/>
      <c r="BX76" s="69"/>
      <c r="BY76" s="69"/>
      <c r="BZ76" s="128"/>
      <c r="CA76" s="69"/>
      <c r="CB76" s="69"/>
      <c r="CC76" s="128"/>
      <c r="CD76" s="69"/>
      <c r="CE76" s="69"/>
      <c r="CF76" s="129"/>
      <c r="CG76" s="128"/>
      <c r="CH76" s="69"/>
      <c r="CI76" s="130"/>
    </row>
    <row r="77" spans="1:87" ht="10.5" customHeight="1">
      <c r="AW77" s="797"/>
      <c r="AX77" s="798"/>
      <c r="AY77" s="798"/>
      <c r="AZ77" s="798"/>
      <c r="BA77" s="798"/>
      <c r="BB77" s="798"/>
      <c r="BC77" s="799"/>
      <c r="BD77" s="764"/>
      <c r="BE77" s="810"/>
      <c r="BF77" s="810"/>
      <c r="BG77" s="810"/>
      <c r="BH77" s="128"/>
      <c r="BI77" s="122"/>
      <c r="BJ77" s="69"/>
      <c r="BK77" s="128"/>
      <c r="BL77" s="122"/>
      <c r="BM77" s="69"/>
      <c r="BN77" s="128"/>
      <c r="BO77" s="122"/>
      <c r="BP77" s="69"/>
      <c r="BQ77" s="128"/>
      <c r="BR77" s="122"/>
      <c r="BS77" s="69"/>
      <c r="BT77" s="128"/>
      <c r="BU77" s="122"/>
      <c r="BV77" s="69"/>
      <c r="BW77" s="128"/>
      <c r="BX77" s="122"/>
      <c r="BY77" s="69"/>
      <c r="BZ77" s="128"/>
      <c r="CA77" s="122"/>
      <c r="CB77" s="69"/>
      <c r="CC77" s="128"/>
      <c r="CD77" s="122"/>
      <c r="CE77" s="69"/>
      <c r="CF77" s="129"/>
      <c r="CG77" s="128"/>
      <c r="CH77" s="132"/>
      <c r="CI77" s="130"/>
    </row>
    <row r="78" spans="1:87" ht="10.5" customHeight="1">
      <c r="AW78" s="800"/>
      <c r="AX78" s="801"/>
      <c r="AY78" s="801"/>
      <c r="AZ78" s="801"/>
      <c r="BA78" s="801"/>
      <c r="BB78" s="801"/>
      <c r="BC78" s="802"/>
      <c r="BD78" s="765"/>
      <c r="BE78" s="810"/>
      <c r="BF78" s="810"/>
      <c r="BG78" s="810"/>
      <c r="BH78" s="128"/>
      <c r="BI78" s="123"/>
      <c r="BJ78" s="123"/>
      <c r="BK78" s="128"/>
      <c r="BL78" s="123"/>
      <c r="BM78" s="123"/>
      <c r="BN78" s="128"/>
      <c r="BO78" s="123"/>
      <c r="BP78" s="123"/>
      <c r="BQ78" s="128"/>
      <c r="BR78" s="123"/>
      <c r="BS78" s="123"/>
      <c r="BT78" s="128"/>
      <c r="BU78" s="123"/>
      <c r="BV78" s="123"/>
      <c r="BW78" s="128"/>
      <c r="BX78" s="123"/>
      <c r="BY78" s="123"/>
      <c r="BZ78" s="128"/>
      <c r="CA78" s="123"/>
      <c r="CB78" s="123"/>
      <c r="CC78" s="128"/>
      <c r="CD78" s="123"/>
      <c r="CE78" s="120"/>
      <c r="CF78" s="133"/>
      <c r="CG78" s="134"/>
      <c r="CH78" s="135"/>
      <c r="CI78" s="136"/>
    </row>
    <row r="79" spans="1:87" ht="10.5" customHeight="1">
      <c r="AW79" s="794" t="s">
        <v>269</v>
      </c>
      <c r="AX79" s="795"/>
      <c r="AY79" s="795"/>
      <c r="AZ79" s="795"/>
      <c r="BA79" s="795"/>
      <c r="BB79" s="795"/>
      <c r="BC79" s="796"/>
      <c r="BD79" s="823">
        <v>4</v>
      </c>
      <c r="BE79" s="810">
        <v>1</v>
      </c>
      <c r="BF79" s="810">
        <v>6</v>
      </c>
      <c r="BG79" s="810">
        <v>0</v>
      </c>
      <c r="BH79" s="137"/>
      <c r="BI79" s="138"/>
      <c r="BJ79" s="138"/>
      <c r="BK79" s="137"/>
      <c r="BL79" s="138"/>
      <c r="BM79" s="138"/>
      <c r="BN79" s="137"/>
      <c r="BO79" s="138"/>
      <c r="BP79" s="138"/>
      <c r="BQ79" s="137"/>
      <c r="BR79" s="138"/>
      <c r="BS79" s="138"/>
      <c r="BT79" s="137"/>
      <c r="BU79" s="138"/>
      <c r="BV79" s="138"/>
      <c r="BW79" s="137"/>
      <c r="BX79" s="138"/>
      <c r="BY79" s="138"/>
      <c r="BZ79" s="137"/>
      <c r="CA79" s="138"/>
      <c r="CB79" s="138"/>
      <c r="CC79" s="137"/>
      <c r="CD79" s="138"/>
      <c r="CE79" s="138"/>
      <c r="CF79" s="139"/>
      <c r="CG79" s="137"/>
      <c r="CH79" s="138"/>
      <c r="CI79" s="140"/>
    </row>
    <row r="80" spans="1:87" ht="10.5" customHeight="1">
      <c r="AW80" s="797"/>
      <c r="AX80" s="798"/>
      <c r="AY80" s="798"/>
      <c r="AZ80" s="798"/>
      <c r="BA80" s="798"/>
      <c r="BB80" s="798"/>
      <c r="BC80" s="799"/>
      <c r="BD80" s="764"/>
      <c r="BE80" s="810"/>
      <c r="BF80" s="810"/>
      <c r="BG80" s="810"/>
      <c r="BH80" s="128"/>
      <c r="BI80" s="69"/>
      <c r="BJ80" s="69"/>
      <c r="BK80" s="128"/>
      <c r="BL80" s="69"/>
      <c r="BM80" s="69"/>
      <c r="BN80" s="128"/>
      <c r="BO80" s="69"/>
      <c r="BP80" s="69"/>
      <c r="BQ80" s="128"/>
      <c r="BR80" s="69"/>
      <c r="BS80" s="69"/>
      <c r="BT80" s="128"/>
      <c r="BU80" s="69"/>
      <c r="BV80" s="69"/>
      <c r="BW80" s="128"/>
      <c r="BX80" s="69"/>
      <c r="BY80" s="69"/>
      <c r="BZ80" s="128"/>
      <c r="CA80" s="69"/>
      <c r="CB80" s="69"/>
      <c r="CC80" s="128"/>
      <c r="CD80" s="69"/>
      <c r="CE80" s="69"/>
      <c r="CF80" s="129"/>
      <c r="CG80" s="128"/>
      <c r="CH80" s="69"/>
      <c r="CI80" s="130"/>
    </row>
    <row r="81" spans="1:87" ht="10.5" customHeight="1">
      <c r="A81" s="967" t="s">
        <v>320</v>
      </c>
      <c r="B81" s="967"/>
      <c r="C81" s="967"/>
      <c r="D81" s="967"/>
      <c r="E81" s="967"/>
      <c r="F81" s="967"/>
      <c r="G81" s="967"/>
      <c r="H81" s="967"/>
      <c r="AW81" s="797"/>
      <c r="AX81" s="798"/>
      <c r="AY81" s="798"/>
      <c r="AZ81" s="798"/>
      <c r="BA81" s="798"/>
      <c r="BB81" s="798"/>
      <c r="BC81" s="799"/>
      <c r="BD81" s="764"/>
      <c r="BE81" s="810"/>
      <c r="BF81" s="810"/>
      <c r="BG81" s="810"/>
      <c r="BH81" s="128"/>
      <c r="BI81" s="122"/>
      <c r="BJ81" s="69"/>
      <c r="BK81" s="128"/>
      <c r="BL81" s="122"/>
      <c r="BM81" s="69"/>
      <c r="BN81" s="128"/>
      <c r="BO81" s="122"/>
      <c r="BP81" s="69"/>
      <c r="BQ81" s="128"/>
      <c r="BR81" s="122"/>
      <c r="BS81" s="69"/>
      <c r="BT81" s="128"/>
      <c r="BU81" s="122"/>
      <c r="BV81" s="69"/>
      <c r="BW81" s="128"/>
      <c r="BX81" s="122"/>
      <c r="BY81" s="69"/>
      <c r="BZ81" s="128"/>
      <c r="CA81" s="122"/>
      <c r="CB81" s="69"/>
      <c r="CC81" s="128"/>
      <c r="CD81" s="122"/>
      <c r="CE81" s="69"/>
      <c r="CF81" s="129"/>
      <c r="CG81" s="128"/>
      <c r="CH81" s="132"/>
      <c r="CI81" s="130"/>
    </row>
    <row r="82" spans="1:87" ht="10.5" customHeight="1" thickBot="1">
      <c r="A82" s="967"/>
      <c r="B82" s="967"/>
      <c r="C82" s="967"/>
      <c r="D82" s="967"/>
      <c r="E82" s="967"/>
      <c r="F82" s="967"/>
      <c r="G82" s="967"/>
      <c r="H82" s="967"/>
      <c r="AW82" s="803"/>
      <c r="AX82" s="804"/>
      <c r="AY82" s="804"/>
      <c r="AZ82" s="804"/>
      <c r="BA82" s="804"/>
      <c r="BB82" s="804"/>
      <c r="BC82" s="805"/>
      <c r="BD82" s="922"/>
      <c r="BE82" s="923"/>
      <c r="BF82" s="923"/>
      <c r="BG82" s="923"/>
      <c r="BH82" s="141"/>
      <c r="BI82" s="142"/>
      <c r="BJ82" s="142"/>
      <c r="BK82" s="141"/>
      <c r="BL82" s="142"/>
      <c r="BM82" s="142"/>
      <c r="BN82" s="141"/>
      <c r="BO82" s="142"/>
      <c r="BP82" s="142"/>
      <c r="BQ82" s="141"/>
      <c r="BR82" s="142"/>
      <c r="BS82" s="142"/>
      <c r="BT82" s="141"/>
      <c r="BU82" s="142"/>
      <c r="BV82" s="142"/>
      <c r="BW82" s="141"/>
      <c r="BX82" s="142"/>
      <c r="BY82" s="142"/>
      <c r="BZ82" s="141"/>
      <c r="CA82" s="142"/>
      <c r="CB82" s="142"/>
      <c r="CC82" s="141"/>
      <c r="CD82" s="142"/>
      <c r="CE82" s="143"/>
      <c r="CF82" s="144"/>
      <c r="CG82" s="141"/>
      <c r="CH82" s="145"/>
      <c r="CI82" s="146"/>
    </row>
    <row r="83" spans="1:87" ht="10.5" customHeight="1">
      <c r="AW83" s="806" t="s">
        <v>269</v>
      </c>
      <c r="AX83" s="807"/>
      <c r="AY83" s="807"/>
      <c r="AZ83" s="807"/>
      <c r="BA83" s="807"/>
      <c r="BB83" s="807"/>
      <c r="BC83" s="808"/>
      <c r="BD83" s="763">
        <v>4</v>
      </c>
      <c r="BE83" s="809">
        <v>1</v>
      </c>
      <c r="BF83" s="809">
        <v>7</v>
      </c>
      <c r="BG83" s="809">
        <v>0</v>
      </c>
      <c r="BH83" s="124"/>
      <c r="BI83" s="125"/>
      <c r="BJ83" s="125"/>
      <c r="BK83" s="124"/>
      <c r="BL83" s="125"/>
      <c r="BM83" s="125"/>
      <c r="BN83" s="124"/>
      <c r="BO83" s="125"/>
      <c r="BP83" s="125"/>
      <c r="BQ83" s="124"/>
      <c r="BR83" s="125"/>
      <c r="BS83" s="125"/>
      <c r="BT83" s="124"/>
      <c r="BU83" s="125"/>
      <c r="BV83" s="125"/>
      <c r="BW83" s="124"/>
      <c r="BX83" s="125"/>
      <c r="BY83" s="125"/>
      <c r="BZ83" s="124"/>
      <c r="CA83" s="125"/>
      <c r="CB83" s="125"/>
      <c r="CC83" s="124"/>
      <c r="CD83" s="125"/>
      <c r="CE83" s="125"/>
      <c r="CF83" s="126"/>
      <c r="CG83" s="124"/>
      <c r="CH83" s="125"/>
      <c r="CI83" s="127"/>
    </row>
    <row r="84" spans="1:87" ht="10.5" customHeight="1">
      <c r="A84" s="967" t="s">
        <v>770</v>
      </c>
      <c r="B84" s="967"/>
      <c r="C84" s="967"/>
      <c r="D84" s="967"/>
      <c r="E84" s="967"/>
      <c r="F84" s="967"/>
      <c r="G84" s="967"/>
      <c r="H84" s="967"/>
      <c r="I84" s="967"/>
      <c r="J84" s="967"/>
      <c r="K84" s="967"/>
      <c r="L84" s="967"/>
      <c r="M84" s="967"/>
      <c r="N84" s="967"/>
      <c r="O84" s="967"/>
      <c r="P84" s="967"/>
      <c r="Q84" s="967"/>
      <c r="R84" s="967"/>
      <c r="S84" s="967"/>
      <c r="T84" s="967"/>
      <c r="U84" s="967"/>
      <c r="V84" s="967"/>
      <c r="W84" s="967"/>
      <c r="X84" s="967"/>
      <c r="Y84" s="967"/>
      <c r="Z84" s="967"/>
      <c r="AA84" s="967"/>
      <c r="AB84" s="967"/>
      <c r="AC84" s="967"/>
      <c r="AD84" s="967"/>
      <c r="AE84" s="967"/>
      <c r="AF84" s="967"/>
      <c r="AW84" s="797"/>
      <c r="AX84" s="798"/>
      <c r="AY84" s="798"/>
      <c r="AZ84" s="798"/>
      <c r="BA84" s="798"/>
      <c r="BB84" s="798"/>
      <c r="BC84" s="799"/>
      <c r="BD84" s="764"/>
      <c r="BE84" s="810"/>
      <c r="BF84" s="810"/>
      <c r="BG84" s="810"/>
      <c r="BH84" s="128"/>
      <c r="BI84" s="69"/>
      <c r="BJ84" s="69"/>
      <c r="BK84" s="128"/>
      <c r="BL84" s="69"/>
      <c r="BM84" s="69"/>
      <c r="BN84" s="128"/>
      <c r="BO84" s="69"/>
      <c r="BP84" s="69"/>
      <c r="BQ84" s="128"/>
      <c r="BR84" s="69"/>
      <c r="BS84" s="69"/>
      <c r="BT84" s="128"/>
      <c r="BU84" s="69"/>
      <c r="BV84" s="69"/>
      <c r="BW84" s="128"/>
      <c r="BX84" s="69"/>
      <c r="BY84" s="69"/>
      <c r="BZ84" s="128"/>
      <c r="CA84" s="69"/>
      <c r="CB84" s="69"/>
      <c r="CC84" s="128"/>
      <c r="CD84" s="69"/>
      <c r="CE84" s="69"/>
      <c r="CF84" s="129"/>
      <c r="CG84" s="128"/>
      <c r="CH84" s="69"/>
      <c r="CI84" s="130"/>
    </row>
    <row r="85" spans="1:87" ht="10.5" customHeight="1">
      <c r="A85" s="967"/>
      <c r="B85" s="967"/>
      <c r="C85" s="967"/>
      <c r="D85" s="967"/>
      <c r="E85" s="967"/>
      <c r="F85" s="967"/>
      <c r="G85" s="967"/>
      <c r="H85" s="967"/>
      <c r="I85" s="967"/>
      <c r="J85" s="967"/>
      <c r="K85" s="967"/>
      <c r="L85" s="967"/>
      <c r="M85" s="967"/>
      <c r="N85" s="967"/>
      <c r="O85" s="967"/>
      <c r="P85" s="967"/>
      <c r="Q85" s="967"/>
      <c r="R85" s="967"/>
      <c r="S85" s="967"/>
      <c r="T85" s="967"/>
      <c r="U85" s="967"/>
      <c r="V85" s="967"/>
      <c r="W85" s="967"/>
      <c r="X85" s="967"/>
      <c r="Y85" s="967"/>
      <c r="Z85" s="967"/>
      <c r="AA85" s="967"/>
      <c r="AB85" s="967"/>
      <c r="AC85" s="967"/>
      <c r="AD85" s="967"/>
      <c r="AE85" s="967"/>
      <c r="AF85" s="967"/>
      <c r="AW85" s="797"/>
      <c r="AX85" s="798"/>
      <c r="AY85" s="798"/>
      <c r="AZ85" s="798"/>
      <c r="BA85" s="798"/>
      <c r="BB85" s="798"/>
      <c r="BC85" s="799"/>
      <c r="BD85" s="764"/>
      <c r="BE85" s="810"/>
      <c r="BF85" s="810"/>
      <c r="BG85" s="810"/>
      <c r="BH85" s="128"/>
      <c r="BI85" s="122"/>
      <c r="BJ85" s="69"/>
      <c r="BK85" s="128"/>
      <c r="BL85" s="122"/>
      <c r="BM85" s="69"/>
      <c r="BN85" s="128"/>
      <c r="BO85" s="122"/>
      <c r="BP85" s="69"/>
      <c r="BQ85" s="128"/>
      <c r="BR85" s="122"/>
      <c r="BS85" s="69"/>
      <c r="BT85" s="128"/>
      <c r="BU85" s="122"/>
      <c r="BV85" s="69"/>
      <c r="BW85" s="128"/>
      <c r="BX85" s="122"/>
      <c r="BY85" s="69"/>
      <c r="BZ85" s="128"/>
      <c r="CA85" s="122"/>
      <c r="CB85" s="69"/>
      <c r="CC85" s="128"/>
      <c r="CD85" s="122"/>
      <c r="CE85" s="69"/>
      <c r="CF85" s="129"/>
      <c r="CG85" s="128"/>
      <c r="CH85" s="132"/>
      <c r="CI85" s="130"/>
    </row>
    <row r="86" spans="1:87" ht="10.5" customHeight="1">
      <c r="AW86" s="800"/>
      <c r="AX86" s="801"/>
      <c r="AY86" s="801"/>
      <c r="AZ86" s="801"/>
      <c r="BA86" s="801"/>
      <c r="BB86" s="801"/>
      <c r="BC86" s="802"/>
      <c r="BD86" s="765"/>
      <c r="BE86" s="810"/>
      <c r="BF86" s="810"/>
      <c r="BG86" s="810"/>
      <c r="BH86" s="128"/>
      <c r="BI86" s="123"/>
      <c r="BJ86" s="123"/>
      <c r="BK86" s="128"/>
      <c r="BL86" s="123"/>
      <c r="BM86" s="123"/>
      <c r="BN86" s="128"/>
      <c r="BO86" s="123"/>
      <c r="BP86" s="123"/>
      <c r="BQ86" s="128"/>
      <c r="BR86" s="123"/>
      <c r="BS86" s="123"/>
      <c r="BT86" s="128"/>
      <c r="BU86" s="123"/>
      <c r="BV86" s="123"/>
      <c r="BW86" s="128"/>
      <c r="BX86" s="123"/>
      <c r="BY86" s="123"/>
      <c r="BZ86" s="128"/>
      <c r="CA86" s="123"/>
      <c r="CB86" s="123"/>
      <c r="CC86" s="128"/>
      <c r="CD86" s="123"/>
      <c r="CE86" s="120"/>
      <c r="CF86" s="133"/>
      <c r="CG86" s="134"/>
      <c r="CH86" s="135"/>
      <c r="CI86" s="136"/>
    </row>
    <row r="87" spans="1:87" ht="10.5" customHeight="1">
      <c r="A87" s="967" t="s">
        <v>326</v>
      </c>
      <c r="B87" s="967"/>
      <c r="C87" s="967"/>
      <c r="D87" s="967"/>
      <c r="E87" s="967"/>
      <c r="F87" s="967"/>
      <c r="G87" s="967"/>
      <c r="H87" s="967"/>
      <c r="I87" s="967"/>
      <c r="J87" s="967"/>
      <c r="K87" s="967"/>
      <c r="L87" s="967"/>
      <c r="M87" s="967"/>
      <c r="N87" s="967"/>
      <c r="O87" s="967"/>
      <c r="P87" s="967"/>
      <c r="Q87" s="967"/>
      <c r="R87" s="967"/>
      <c r="S87" s="967"/>
      <c r="T87" s="967"/>
      <c r="U87" s="967"/>
      <c r="V87" s="967"/>
      <c r="W87" s="967"/>
      <c r="X87" s="967"/>
      <c r="Y87" s="967"/>
      <c r="Z87" s="967"/>
      <c r="AA87" s="967"/>
      <c r="AB87" s="967"/>
      <c r="AC87" s="967"/>
      <c r="AD87" s="967"/>
      <c r="AE87" s="967"/>
      <c r="AF87" s="967"/>
      <c r="AW87" s="794" t="s">
        <v>269</v>
      </c>
      <c r="AX87" s="795"/>
      <c r="AY87" s="795"/>
      <c r="AZ87" s="795"/>
      <c r="BA87" s="795"/>
      <c r="BB87" s="795"/>
      <c r="BC87" s="796"/>
      <c r="BD87" s="823">
        <v>4</v>
      </c>
      <c r="BE87" s="810">
        <v>1</v>
      </c>
      <c r="BF87" s="810">
        <v>8</v>
      </c>
      <c r="BG87" s="810">
        <v>0</v>
      </c>
      <c r="BH87" s="137"/>
      <c r="BI87" s="138"/>
      <c r="BJ87" s="138"/>
      <c r="BK87" s="137"/>
      <c r="BL87" s="138"/>
      <c r="BM87" s="138"/>
      <c r="BN87" s="137"/>
      <c r="BO87" s="138"/>
      <c r="BP87" s="138"/>
      <c r="BQ87" s="137"/>
      <c r="BR87" s="138"/>
      <c r="BS87" s="138"/>
      <c r="BT87" s="137"/>
      <c r="BU87" s="138"/>
      <c r="BV87" s="138"/>
      <c r="BW87" s="137"/>
      <c r="BX87" s="138"/>
      <c r="BY87" s="138"/>
      <c r="BZ87" s="137"/>
      <c r="CA87" s="138"/>
      <c r="CB87" s="138"/>
      <c r="CC87" s="137"/>
      <c r="CD87" s="138"/>
      <c r="CE87" s="138"/>
      <c r="CF87" s="139"/>
      <c r="CG87" s="137"/>
      <c r="CH87" s="138"/>
      <c r="CI87" s="140"/>
    </row>
    <row r="88" spans="1:87" ht="10.5" customHeight="1">
      <c r="A88" s="967"/>
      <c r="B88" s="967"/>
      <c r="C88" s="967"/>
      <c r="D88" s="967"/>
      <c r="E88" s="967"/>
      <c r="F88" s="967"/>
      <c r="G88" s="967"/>
      <c r="H88" s="967"/>
      <c r="I88" s="967"/>
      <c r="J88" s="967"/>
      <c r="K88" s="967"/>
      <c r="L88" s="967"/>
      <c r="M88" s="967"/>
      <c r="N88" s="967"/>
      <c r="O88" s="967"/>
      <c r="P88" s="967"/>
      <c r="Q88" s="967"/>
      <c r="R88" s="967"/>
      <c r="S88" s="967"/>
      <c r="T88" s="967"/>
      <c r="U88" s="967"/>
      <c r="V88" s="967"/>
      <c r="W88" s="967"/>
      <c r="X88" s="967"/>
      <c r="Y88" s="967"/>
      <c r="Z88" s="967"/>
      <c r="AA88" s="967"/>
      <c r="AB88" s="967"/>
      <c r="AC88" s="967"/>
      <c r="AD88" s="967"/>
      <c r="AE88" s="967"/>
      <c r="AF88" s="967"/>
      <c r="AW88" s="797"/>
      <c r="AX88" s="798"/>
      <c r="AY88" s="798"/>
      <c r="AZ88" s="798"/>
      <c r="BA88" s="798"/>
      <c r="BB88" s="798"/>
      <c r="BC88" s="799"/>
      <c r="BD88" s="764"/>
      <c r="BE88" s="810"/>
      <c r="BF88" s="810"/>
      <c r="BG88" s="810"/>
      <c r="BH88" s="128"/>
      <c r="BI88" s="69"/>
      <c r="BJ88" s="69"/>
      <c r="BK88" s="128"/>
      <c r="BL88" s="69"/>
      <c r="BM88" s="69"/>
      <c r="BN88" s="128"/>
      <c r="BO88" s="69"/>
      <c r="BP88" s="69"/>
      <c r="BQ88" s="128"/>
      <c r="BR88" s="69"/>
      <c r="BS88" s="69"/>
      <c r="BT88" s="128"/>
      <c r="BU88" s="69"/>
      <c r="BV88" s="69"/>
      <c r="BW88" s="128"/>
      <c r="BX88" s="69"/>
      <c r="BY88" s="69"/>
      <c r="BZ88" s="128"/>
      <c r="CA88" s="69"/>
      <c r="CB88" s="69"/>
      <c r="CC88" s="128"/>
      <c r="CD88" s="69"/>
      <c r="CE88" s="69"/>
      <c r="CF88" s="129"/>
      <c r="CG88" s="128"/>
      <c r="CH88" s="69"/>
      <c r="CI88" s="130"/>
    </row>
    <row r="89" spans="1:87" ht="10.5" customHeight="1">
      <c r="AW89" s="797"/>
      <c r="AX89" s="798"/>
      <c r="AY89" s="798"/>
      <c r="AZ89" s="798"/>
      <c r="BA89" s="798"/>
      <c r="BB89" s="798"/>
      <c r="BC89" s="799"/>
      <c r="BD89" s="764"/>
      <c r="BE89" s="810"/>
      <c r="BF89" s="810"/>
      <c r="BG89" s="810"/>
      <c r="BH89" s="128"/>
      <c r="BI89" s="122"/>
      <c r="BJ89" s="69"/>
      <c r="BK89" s="128"/>
      <c r="BL89" s="122"/>
      <c r="BM89" s="69"/>
      <c r="BN89" s="128"/>
      <c r="BO89" s="122"/>
      <c r="BP89" s="69"/>
      <c r="BQ89" s="128"/>
      <c r="BR89" s="122"/>
      <c r="BS89" s="69"/>
      <c r="BT89" s="128"/>
      <c r="BU89" s="122"/>
      <c r="BV89" s="69"/>
      <c r="BW89" s="128"/>
      <c r="BX89" s="122"/>
      <c r="BY89" s="69"/>
      <c r="BZ89" s="128"/>
      <c r="CA89" s="122"/>
      <c r="CB89" s="69"/>
      <c r="CC89" s="128"/>
      <c r="CD89" s="122"/>
      <c r="CE89" s="69"/>
      <c r="CF89" s="129"/>
      <c r="CG89" s="128"/>
      <c r="CH89" s="132"/>
      <c r="CI89" s="130"/>
    </row>
    <row r="90" spans="1:87" ht="10.5" customHeight="1">
      <c r="A90" s="967" t="s">
        <v>321</v>
      </c>
      <c r="B90" s="967"/>
      <c r="C90" s="967"/>
      <c r="D90" s="967"/>
      <c r="E90" s="967"/>
      <c r="F90" s="967"/>
      <c r="G90" s="967"/>
      <c r="H90" s="967"/>
      <c r="I90" s="967"/>
      <c r="J90" s="967"/>
      <c r="K90" s="967"/>
      <c r="L90" s="967"/>
      <c r="M90" s="967"/>
      <c r="N90" s="967"/>
      <c r="O90" s="967"/>
      <c r="P90" s="967"/>
      <c r="Q90" s="967"/>
      <c r="R90" s="967"/>
      <c r="S90" s="967"/>
      <c r="T90" s="967"/>
      <c r="U90" s="967"/>
      <c r="V90" s="967"/>
      <c r="W90" s="967"/>
      <c r="X90" s="967"/>
      <c r="Y90" s="967"/>
      <c r="Z90" s="967"/>
      <c r="AA90" s="967"/>
      <c r="AB90" s="967"/>
      <c r="AC90" s="967"/>
      <c r="AD90" s="967"/>
      <c r="AE90" s="967"/>
      <c r="AF90" s="967"/>
      <c r="AW90" s="800"/>
      <c r="AX90" s="801"/>
      <c r="AY90" s="801"/>
      <c r="AZ90" s="801"/>
      <c r="BA90" s="801"/>
      <c r="BB90" s="801"/>
      <c r="BC90" s="802"/>
      <c r="BD90" s="765"/>
      <c r="BE90" s="810"/>
      <c r="BF90" s="810"/>
      <c r="BG90" s="810"/>
      <c r="BH90" s="128"/>
      <c r="BI90" s="123"/>
      <c r="BJ90" s="123"/>
      <c r="BK90" s="128"/>
      <c r="BL90" s="123"/>
      <c r="BM90" s="123"/>
      <c r="BN90" s="128"/>
      <c r="BO90" s="123"/>
      <c r="BP90" s="123"/>
      <c r="BQ90" s="128"/>
      <c r="BR90" s="123"/>
      <c r="BS90" s="123"/>
      <c r="BT90" s="128"/>
      <c r="BU90" s="123"/>
      <c r="BV90" s="123"/>
      <c r="BW90" s="128"/>
      <c r="BX90" s="123"/>
      <c r="BY90" s="123"/>
      <c r="BZ90" s="128"/>
      <c r="CA90" s="123"/>
      <c r="CB90" s="123"/>
      <c r="CC90" s="128"/>
      <c r="CD90" s="123"/>
      <c r="CE90" s="120"/>
      <c r="CF90" s="133"/>
      <c r="CG90" s="134"/>
      <c r="CH90" s="135"/>
      <c r="CI90" s="136"/>
    </row>
    <row r="91" spans="1:87" ht="10.5" customHeight="1">
      <c r="A91" s="967"/>
      <c r="B91" s="967"/>
      <c r="C91" s="967"/>
      <c r="D91" s="967"/>
      <c r="E91" s="967"/>
      <c r="F91" s="967"/>
      <c r="G91" s="967"/>
      <c r="H91" s="967"/>
      <c r="I91" s="967"/>
      <c r="J91" s="967"/>
      <c r="K91" s="967"/>
      <c r="L91" s="967"/>
      <c r="M91" s="967"/>
      <c r="N91" s="967"/>
      <c r="O91" s="967"/>
      <c r="P91" s="967"/>
      <c r="Q91" s="967"/>
      <c r="R91" s="967"/>
      <c r="S91" s="967"/>
      <c r="T91" s="967"/>
      <c r="U91" s="967"/>
      <c r="V91" s="967"/>
      <c r="W91" s="967"/>
      <c r="X91" s="967"/>
      <c r="Y91" s="967"/>
      <c r="Z91" s="967"/>
      <c r="AA91" s="967"/>
      <c r="AB91" s="967"/>
      <c r="AC91" s="967"/>
      <c r="AD91" s="967"/>
      <c r="AE91" s="967"/>
      <c r="AF91" s="967"/>
      <c r="AW91" s="794" t="s">
        <v>269</v>
      </c>
      <c r="AX91" s="795"/>
      <c r="AY91" s="795"/>
      <c r="AZ91" s="795"/>
      <c r="BA91" s="795"/>
      <c r="BB91" s="795"/>
      <c r="BC91" s="796"/>
      <c r="BD91" s="823">
        <v>4</v>
      </c>
      <c r="BE91" s="810">
        <v>1</v>
      </c>
      <c r="BF91" s="810">
        <v>9</v>
      </c>
      <c r="BG91" s="810">
        <v>0</v>
      </c>
      <c r="BH91" s="137"/>
      <c r="BI91" s="138"/>
      <c r="BJ91" s="138"/>
      <c r="BK91" s="137"/>
      <c r="BL91" s="138"/>
      <c r="BM91" s="138"/>
      <c r="BN91" s="137"/>
      <c r="BO91" s="138"/>
      <c r="BP91" s="138"/>
      <c r="BQ91" s="137"/>
      <c r="BR91" s="138"/>
      <c r="BS91" s="138"/>
      <c r="BT91" s="137"/>
      <c r="BU91" s="138"/>
      <c r="BV91" s="138"/>
      <c r="BW91" s="137"/>
      <c r="BX91" s="138"/>
      <c r="BY91" s="138"/>
      <c r="BZ91" s="137"/>
      <c r="CA91" s="138"/>
      <c r="CB91" s="138"/>
      <c r="CC91" s="137"/>
      <c r="CD91" s="138"/>
      <c r="CE91" s="138"/>
      <c r="CF91" s="139"/>
      <c r="CG91" s="137"/>
      <c r="CH91" s="138"/>
      <c r="CI91" s="140"/>
    </row>
    <row r="92" spans="1:87" ht="10.5" customHeight="1">
      <c r="AW92" s="797"/>
      <c r="AX92" s="798"/>
      <c r="AY92" s="798"/>
      <c r="AZ92" s="798"/>
      <c r="BA92" s="798"/>
      <c r="BB92" s="798"/>
      <c r="BC92" s="799"/>
      <c r="BD92" s="764"/>
      <c r="BE92" s="810"/>
      <c r="BF92" s="810"/>
      <c r="BG92" s="810"/>
      <c r="BH92" s="128"/>
      <c r="BI92" s="69"/>
      <c r="BJ92" s="69"/>
      <c r="BK92" s="128"/>
      <c r="BL92" s="69"/>
      <c r="BM92" s="69"/>
      <c r="BN92" s="128"/>
      <c r="BO92" s="69"/>
      <c r="BP92" s="69"/>
      <c r="BQ92" s="128"/>
      <c r="BR92" s="69"/>
      <c r="BS92" s="69"/>
      <c r="BT92" s="128"/>
      <c r="BU92" s="69"/>
      <c r="BV92" s="69"/>
      <c r="BW92" s="128"/>
      <c r="BX92" s="69"/>
      <c r="BY92" s="69"/>
      <c r="BZ92" s="128"/>
      <c r="CA92" s="69"/>
      <c r="CB92" s="69"/>
      <c r="CC92" s="128"/>
      <c r="CD92" s="69"/>
      <c r="CE92" s="69"/>
      <c r="CF92" s="129"/>
      <c r="CG92" s="128"/>
      <c r="CH92" s="69"/>
      <c r="CI92" s="130"/>
    </row>
    <row r="93" spans="1:87" ht="10.5" customHeight="1">
      <c r="A93" s="967" t="s">
        <v>325</v>
      </c>
      <c r="B93" s="967"/>
      <c r="C93" s="967"/>
      <c r="D93" s="967"/>
      <c r="E93" s="967"/>
      <c r="F93" s="967"/>
      <c r="G93" s="967"/>
      <c r="H93" s="967"/>
      <c r="I93" s="967"/>
      <c r="J93" s="967"/>
      <c r="K93" s="967"/>
      <c r="L93" s="967"/>
      <c r="M93" s="967"/>
      <c r="N93" s="967"/>
      <c r="O93" s="967"/>
      <c r="P93" s="967"/>
      <c r="Q93" s="967"/>
      <c r="R93" s="967"/>
      <c r="S93" s="967"/>
      <c r="T93" s="967"/>
      <c r="U93" s="967"/>
      <c r="V93" s="967"/>
      <c r="W93" s="967"/>
      <c r="X93" s="967"/>
      <c r="Y93" s="967"/>
      <c r="Z93" s="967"/>
      <c r="AA93" s="967"/>
      <c r="AB93" s="967"/>
      <c r="AC93" s="967"/>
      <c r="AD93" s="967"/>
      <c r="AE93" s="967"/>
      <c r="AF93" s="967"/>
      <c r="AW93" s="797"/>
      <c r="AX93" s="798"/>
      <c r="AY93" s="798"/>
      <c r="AZ93" s="798"/>
      <c r="BA93" s="798"/>
      <c r="BB93" s="798"/>
      <c r="BC93" s="799"/>
      <c r="BD93" s="764"/>
      <c r="BE93" s="810"/>
      <c r="BF93" s="810"/>
      <c r="BG93" s="810"/>
      <c r="BH93" s="128"/>
      <c r="BI93" s="122"/>
      <c r="BJ93" s="69"/>
      <c r="BK93" s="128"/>
      <c r="BL93" s="122"/>
      <c r="BM93" s="69"/>
      <c r="BN93" s="128"/>
      <c r="BO93" s="122"/>
      <c r="BP93" s="69"/>
      <c r="BQ93" s="128"/>
      <c r="BR93" s="122"/>
      <c r="BS93" s="69"/>
      <c r="BT93" s="128"/>
      <c r="BU93" s="122"/>
      <c r="BV93" s="69"/>
      <c r="BW93" s="128"/>
      <c r="BX93" s="122"/>
      <c r="BY93" s="69"/>
      <c r="BZ93" s="128"/>
      <c r="CA93" s="122"/>
      <c r="CB93" s="69"/>
      <c r="CC93" s="128"/>
      <c r="CD93" s="122"/>
      <c r="CE93" s="69"/>
      <c r="CF93" s="129"/>
      <c r="CG93" s="128"/>
      <c r="CH93" s="132"/>
      <c r="CI93" s="130"/>
    </row>
    <row r="94" spans="1:87" ht="10.5" customHeight="1">
      <c r="A94" s="967"/>
      <c r="B94" s="967"/>
      <c r="C94" s="967"/>
      <c r="D94" s="967"/>
      <c r="E94" s="967"/>
      <c r="F94" s="967"/>
      <c r="G94" s="967"/>
      <c r="H94" s="967"/>
      <c r="I94" s="967"/>
      <c r="J94" s="967"/>
      <c r="K94" s="967"/>
      <c r="L94" s="967"/>
      <c r="M94" s="967"/>
      <c r="N94" s="967"/>
      <c r="O94" s="967"/>
      <c r="P94" s="967"/>
      <c r="Q94" s="967"/>
      <c r="R94" s="967"/>
      <c r="S94" s="967"/>
      <c r="T94" s="967"/>
      <c r="U94" s="967"/>
      <c r="V94" s="967"/>
      <c r="W94" s="967"/>
      <c r="X94" s="967"/>
      <c r="Y94" s="967"/>
      <c r="Z94" s="967"/>
      <c r="AA94" s="967"/>
      <c r="AB94" s="967"/>
      <c r="AC94" s="967"/>
      <c r="AD94" s="967"/>
      <c r="AE94" s="967"/>
      <c r="AF94" s="967"/>
      <c r="AW94" s="800"/>
      <c r="AX94" s="801"/>
      <c r="AY94" s="801"/>
      <c r="AZ94" s="801"/>
      <c r="BA94" s="801"/>
      <c r="BB94" s="801"/>
      <c r="BC94" s="802"/>
      <c r="BD94" s="765"/>
      <c r="BE94" s="810"/>
      <c r="BF94" s="810"/>
      <c r="BG94" s="810"/>
      <c r="BH94" s="128"/>
      <c r="BI94" s="123"/>
      <c r="BJ94" s="123"/>
      <c r="BK94" s="128"/>
      <c r="BL94" s="123"/>
      <c r="BM94" s="123"/>
      <c r="BN94" s="128"/>
      <c r="BO94" s="123"/>
      <c r="BP94" s="123"/>
      <c r="BQ94" s="128"/>
      <c r="BR94" s="123"/>
      <c r="BS94" s="123"/>
      <c r="BT94" s="128"/>
      <c r="BU94" s="123"/>
      <c r="BV94" s="123"/>
      <c r="BW94" s="128"/>
      <c r="BX94" s="123"/>
      <c r="BY94" s="123"/>
      <c r="BZ94" s="128"/>
      <c r="CA94" s="123"/>
      <c r="CB94" s="123"/>
      <c r="CC94" s="128"/>
      <c r="CD94" s="123"/>
      <c r="CE94" s="120"/>
      <c r="CF94" s="133"/>
      <c r="CG94" s="134"/>
      <c r="CH94" s="135"/>
      <c r="CI94" s="136"/>
    </row>
    <row r="95" spans="1:87" ht="10.5" customHeight="1">
      <c r="AW95" s="794" t="s">
        <v>269</v>
      </c>
      <c r="AX95" s="795"/>
      <c r="AY95" s="795"/>
      <c r="AZ95" s="795"/>
      <c r="BA95" s="795"/>
      <c r="BB95" s="795"/>
      <c r="BC95" s="796"/>
      <c r="BD95" s="823">
        <v>4</v>
      </c>
      <c r="BE95" s="810">
        <v>2</v>
      </c>
      <c r="BF95" s="810">
        <v>0</v>
      </c>
      <c r="BG95" s="810">
        <v>0</v>
      </c>
      <c r="BH95" s="137"/>
      <c r="BI95" s="138"/>
      <c r="BJ95" s="138"/>
      <c r="BK95" s="137"/>
      <c r="BL95" s="138"/>
      <c r="BM95" s="138"/>
      <c r="BN95" s="137"/>
      <c r="BO95" s="138"/>
      <c r="BP95" s="138"/>
      <c r="BQ95" s="137"/>
      <c r="BR95" s="138"/>
      <c r="BS95" s="138"/>
      <c r="BT95" s="137"/>
      <c r="BU95" s="138"/>
      <c r="BV95" s="138"/>
      <c r="BW95" s="137"/>
      <c r="BX95" s="138"/>
      <c r="BY95" s="138"/>
      <c r="BZ95" s="137"/>
      <c r="CA95" s="138"/>
      <c r="CB95" s="138"/>
      <c r="CC95" s="137"/>
      <c r="CD95" s="138"/>
      <c r="CE95" s="138"/>
      <c r="CF95" s="139"/>
      <c r="CG95" s="137"/>
      <c r="CH95" s="138"/>
      <c r="CI95" s="140"/>
    </row>
    <row r="96" spans="1:87" ht="10.5" customHeight="1">
      <c r="A96" s="967" t="s">
        <v>322</v>
      </c>
      <c r="B96" s="967"/>
      <c r="C96" s="967"/>
      <c r="D96" s="967"/>
      <c r="E96" s="967"/>
      <c r="F96" s="967"/>
      <c r="G96" s="967"/>
      <c r="H96" s="967"/>
      <c r="I96" s="967"/>
      <c r="J96" s="967"/>
      <c r="K96" s="967"/>
      <c r="L96" s="967"/>
      <c r="M96" s="967"/>
      <c r="N96" s="967"/>
      <c r="O96" s="967"/>
      <c r="P96" s="967"/>
      <c r="Q96" s="967"/>
      <c r="R96" s="967"/>
      <c r="S96" s="967"/>
      <c r="T96" s="967"/>
      <c r="U96" s="967"/>
      <c r="V96" s="967"/>
      <c r="W96" s="967"/>
      <c r="X96" s="967"/>
      <c r="Y96" s="967"/>
      <c r="Z96" s="967"/>
      <c r="AA96" s="967"/>
      <c r="AB96" s="967"/>
      <c r="AC96" s="967"/>
      <c r="AD96" s="967"/>
      <c r="AE96" s="967"/>
      <c r="AF96" s="967"/>
      <c r="AW96" s="797"/>
      <c r="AX96" s="798"/>
      <c r="AY96" s="798"/>
      <c r="AZ96" s="798"/>
      <c r="BA96" s="798"/>
      <c r="BB96" s="798"/>
      <c r="BC96" s="799"/>
      <c r="BD96" s="764"/>
      <c r="BE96" s="810"/>
      <c r="BF96" s="810"/>
      <c r="BG96" s="810"/>
      <c r="BH96" s="128"/>
      <c r="BI96" s="69"/>
      <c r="BJ96" s="69"/>
      <c r="BK96" s="128"/>
      <c r="BL96" s="69"/>
      <c r="BM96" s="69"/>
      <c r="BN96" s="128"/>
      <c r="BO96" s="69"/>
      <c r="BP96" s="69"/>
      <c r="BQ96" s="128"/>
      <c r="BR96" s="69"/>
      <c r="BS96" s="69"/>
      <c r="BT96" s="128"/>
      <c r="BU96" s="69"/>
      <c r="BV96" s="69"/>
      <c r="BW96" s="128"/>
      <c r="BX96" s="69"/>
      <c r="BY96" s="69"/>
      <c r="BZ96" s="128"/>
      <c r="CA96" s="69"/>
      <c r="CB96" s="69"/>
      <c r="CC96" s="128"/>
      <c r="CD96" s="69"/>
      <c r="CE96" s="69"/>
      <c r="CF96" s="129"/>
      <c r="CG96" s="128"/>
      <c r="CH96" s="69"/>
      <c r="CI96" s="130"/>
    </row>
    <row r="97" spans="1:87" ht="10.5" customHeight="1">
      <c r="A97" s="967"/>
      <c r="B97" s="967"/>
      <c r="C97" s="967"/>
      <c r="D97" s="967"/>
      <c r="E97" s="967"/>
      <c r="F97" s="967"/>
      <c r="G97" s="967"/>
      <c r="H97" s="967"/>
      <c r="I97" s="967"/>
      <c r="J97" s="967"/>
      <c r="K97" s="967"/>
      <c r="L97" s="967"/>
      <c r="M97" s="967"/>
      <c r="N97" s="967"/>
      <c r="O97" s="967"/>
      <c r="P97" s="967"/>
      <c r="Q97" s="967"/>
      <c r="R97" s="967"/>
      <c r="S97" s="967"/>
      <c r="T97" s="967"/>
      <c r="U97" s="967"/>
      <c r="V97" s="967"/>
      <c r="W97" s="967"/>
      <c r="X97" s="967"/>
      <c r="Y97" s="967"/>
      <c r="Z97" s="967"/>
      <c r="AA97" s="967"/>
      <c r="AB97" s="967"/>
      <c r="AC97" s="967"/>
      <c r="AD97" s="967"/>
      <c r="AE97" s="967"/>
      <c r="AF97" s="967"/>
      <c r="AW97" s="797"/>
      <c r="AX97" s="798"/>
      <c r="AY97" s="798"/>
      <c r="AZ97" s="798"/>
      <c r="BA97" s="798"/>
      <c r="BB97" s="798"/>
      <c r="BC97" s="799"/>
      <c r="BD97" s="764"/>
      <c r="BE97" s="810"/>
      <c r="BF97" s="810"/>
      <c r="BG97" s="810"/>
      <c r="BH97" s="128"/>
      <c r="BI97" s="122"/>
      <c r="BJ97" s="69"/>
      <c r="BK97" s="128"/>
      <c r="BL97" s="122"/>
      <c r="BM97" s="69"/>
      <c r="BN97" s="128"/>
      <c r="BO97" s="122"/>
      <c r="BP97" s="69"/>
      <c r="BQ97" s="128"/>
      <c r="BR97" s="122"/>
      <c r="BS97" s="69"/>
      <c r="BT97" s="128"/>
      <c r="BU97" s="122"/>
      <c r="BV97" s="69"/>
      <c r="BW97" s="128"/>
      <c r="BX97" s="122"/>
      <c r="BY97" s="69"/>
      <c r="BZ97" s="128"/>
      <c r="CA97" s="122"/>
      <c r="CB97" s="69"/>
      <c r="CC97" s="128"/>
      <c r="CD97" s="122"/>
      <c r="CE97" s="69"/>
      <c r="CF97" s="129"/>
      <c r="CG97" s="128"/>
      <c r="CH97" s="132"/>
      <c r="CI97" s="130"/>
    </row>
    <row r="98" spans="1:87" ht="10.5" customHeight="1" thickBot="1">
      <c r="AW98" s="803"/>
      <c r="AX98" s="804"/>
      <c r="AY98" s="804"/>
      <c r="AZ98" s="804"/>
      <c r="BA98" s="804"/>
      <c r="BB98" s="804"/>
      <c r="BC98" s="805"/>
      <c r="BD98" s="922"/>
      <c r="BE98" s="923"/>
      <c r="BF98" s="923"/>
      <c r="BG98" s="923"/>
      <c r="BH98" s="141"/>
      <c r="BI98" s="142"/>
      <c r="BJ98" s="142"/>
      <c r="BK98" s="141"/>
      <c r="BL98" s="142"/>
      <c r="BM98" s="142"/>
      <c r="BN98" s="141"/>
      <c r="BO98" s="142"/>
      <c r="BP98" s="142"/>
      <c r="BQ98" s="141"/>
      <c r="BR98" s="142"/>
      <c r="BS98" s="142"/>
      <c r="BT98" s="141"/>
      <c r="BU98" s="142"/>
      <c r="BV98" s="142"/>
      <c r="BW98" s="141"/>
      <c r="BX98" s="142"/>
      <c r="BY98" s="142"/>
      <c r="BZ98" s="141"/>
      <c r="CA98" s="142"/>
      <c r="CB98" s="142"/>
      <c r="CC98" s="141"/>
      <c r="CD98" s="142"/>
      <c r="CE98" s="143"/>
      <c r="CF98" s="144"/>
      <c r="CG98" s="141"/>
      <c r="CH98" s="145"/>
      <c r="CI98" s="146"/>
    </row>
    <row r="99" spans="1:87" ht="10.5" customHeight="1">
      <c r="A99" s="967" t="s">
        <v>324</v>
      </c>
      <c r="B99" s="967"/>
      <c r="C99" s="967"/>
      <c r="D99" s="967"/>
      <c r="E99" s="967"/>
      <c r="F99" s="967"/>
      <c r="G99" s="967"/>
      <c r="H99" s="967"/>
      <c r="I99" s="967"/>
      <c r="J99" s="967"/>
      <c r="K99" s="967"/>
      <c r="L99" s="967"/>
      <c r="M99" s="967"/>
      <c r="N99" s="967"/>
      <c r="O99" s="967"/>
      <c r="P99" s="967"/>
      <c r="Q99" s="967"/>
      <c r="R99" s="967"/>
      <c r="S99" s="967"/>
      <c r="T99" s="967"/>
      <c r="U99" s="967"/>
      <c r="V99" s="967"/>
      <c r="W99" s="967"/>
      <c r="X99" s="967"/>
      <c r="Y99" s="967"/>
      <c r="Z99" s="967"/>
      <c r="AA99" s="967"/>
      <c r="AB99" s="967"/>
      <c r="AC99" s="967"/>
      <c r="AD99" s="967"/>
      <c r="AE99" s="967"/>
      <c r="AF99" s="967"/>
      <c r="AW99" s="873" t="s">
        <v>261</v>
      </c>
      <c r="AX99" s="880"/>
      <c r="AY99" s="950"/>
      <c r="AZ99" s="955" t="s">
        <v>261</v>
      </c>
      <c r="BA99" s="955"/>
      <c r="BB99" s="955"/>
      <c r="BC99" s="955"/>
      <c r="BD99" s="764">
        <v>4</v>
      </c>
      <c r="BE99" s="765">
        <v>4</v>
      </c>
      <c r="BF99" s="765">
        <v>1</v>
      </c>
      <c r="BG99" s="765">
        <v>0</v>
      </c>
      <c r="BH99" s="941"/>
      <c r="BI99" s="926">
        <v>1</v>
      </c>
      <c r="BJ99" s="935"/>
      <c r="BK99" s="931"/>
      <c r="BL99" s="926">
        <v>4</v>
      </c>
      <c r="BM99" s="935"/>
      <c r="BN99" s="931"/>
      <c r="BO99" s="926">
        <v>7</v>
      </c>
      <c r="BP99" s="935"/>
      <c r="BQ99" s="931"/>
      <c r="BR99" s="926">
        <v>10</v>
      </c>
      <c r="BS99" s="935"/>
      <c r="BT99" s="931"/>
      <c r="BU99" s="926">
        <v>13</v>
      </c>
      <c r="BV99" s="935"/>
      <c r="BW99" s="931"/>
      <c r="BX99" s="926">
        <v>16</v>
      </c>
      <c r="BY99" s="935"/>
      <c r="BZ99" s="931"/>
      <c r="CA99" s="926">
        <v>19</v>
      </c>
      <c r="CB99" s="935"/>
      <c r="CC99" s="933"/>
      <c r="CD99" s="926">
        <v>22</v>
      </c>
      <c r="CE99" s="935"/>
      <c r="CF99" s="148"/>
      <c r="CG99" s="148"/>
      <c r="CH99" s="926">
        <v>25</v>
      </c>
      <c r="CI99" s="927"/>
    </row>
    <row r="100" spans="1:87" ht="10.5" customHeight="1">
      <c r="A100" s="967"/>
      <c r="B100" s="967"/>
      <c r="C100" s="967"/>
      <c r="D100" s="967"/>
      <c r="E100" s="967"/>
      <c r="F100" s="967"/>
      <c r="G100" s="967"/>
      <c r="H100" s="967"/>
      <c r="I100" s="967"/>
      <c r="J100" s="967"/>
      <c r="K100" s="967"/>
      <c r="L100" s="967"/>
      <c r="M100" s="967"/>
      <c r="N100" s="967"/>
      <c r="O100" s="967"/>
      <c r="P100" s="967"/>
      <c r="Q100" s="967"/>
      <c r="R100" s="967"/>
      <c r="S100" s="967"/>
      <c r="T100" s="967"/>
      <c r="U100" s="967"/>
      <c r="V100" s="967"/>
      <c r="W100" s="967"/>
      <c r="X100" s="967"/>
      <c r="Y100" s="967"/>
      <c r="Z100" s="967"/>
      <c r="AA100" s="967"/>
      <c r="AB100" s="967"/>
      <c r="AC100" s="967"/>
      <c r="AD100" s="967"/>
      <c r="AE100" s="967"/>
      <c r="AF100" s="967"/>
      <c r="AW100" s="817"/>
      <c r="AX100" s="951"/>
      <c r="AY100" s="952"/>
      <c r="AZ100" s="759"/>
      <c r="BA100" s="759"/>
      <c r="BB100" s="759"/>
      <c r="BC100" s="759"/>
      <c r="BD100" s="764"/>
      <c r="BE100" s="810"/>
      <c r="BF100" s="810"/>
      <c r="BG100" s="810"/>
      <c r="BH100" s="941"/>
      <c r="BI100" s="926"/>
      <c r="BJ100" s="935"/>
      <c r="BK100" s="931"/>
      <c r="BL100" s="926"/>
      <c r="BM100" s="935"/>
      <c r="BN100" s="931"/>
      <c r="BO100" s="926"/>
      <c r="BP100" s="935"/>
      <c r="BQ100" s="931"/>
      <c r="BR100" s="926"/>
      <c r="BS100" s="935"/>
      <c r="BT100" s="931"/>
      <c r="BU100" s="926"/>
      <c r="BV100" s="935"/>
      <c r="BW100" s="931"/>
      <c r="BX100" s="926"/>
      <c r="BY100" s="935"/>
      <c r="BZ100" s="931"/>
      <c r="CA100" s="926"/>
      <c r="CB100" s="935"/>
      <c r="CC100" s="933"/>
      <c r="CD100" s="926"/>
      <c r="CE100" s="935"/>
      <c r="CF100" s="148"/>
      <c r="CG100" s="148"/>
      <c r="CH100" s="926"/>
      <c r="CI100" s="927"/>
    </row>
    <row r="101" spans="1:87" ht="10.5" customHeight="1">
      <c r="AW101" s="817"/>
      <c r="AX101" s="951"/>
      <c r="AY101" s="952"/>
      <c r="AZ101" s="759"/>
      <c r="BA101" s="759"/>
      <c r="BB101" s="759"/>
      <c r="BC101" s="759"/>
      <c r="BD101" s="764"/>
      <c r="BE101" s="810"/>
      <c r="BF101" s="810"/>
      <c r="BG101" s="810"/>
      <c r="BH101" s="149"/>
      <c r="BI101" s="926"/>
      <c r="BJ101" s="935"/>
      <c r="BK101" s="150"/>
      <c r="BL101" s="926"/>
      <c r="BM101" s="935"/>
      <c r="BN101" s="150"/>
      <c r="BO101" s="926"/>
      <c r="BP101" s="935"/>
      <c r="BQ101" s="150"/>
      <c r="BR101" s="926"/>
      <c r="BS101" s="935"/>
      <c r="BT101" s="150"/>
      <c r="BU101" s="926"/>
      <c r="BV101" s="935"/>
      <c r="BW101" s="150"/>
      <c r="BX101" s="926"/>
      <c r="BY101" s="935"/>
      <c r="BZ101" s="150"/>
      <c r="CA101" s="926"/>
      <c r="CB101" s="935"/>
      <c r="CC101" s="151"/>
      <c r="CD101" s="926"/>
      <c r="CE101" s="935"/>
      <c r="CF101" s="148"/>
      <c r="CG101" s="152"/>
      <c r="CH101" s="926"/>
      <c r="CI101" s="927"/>
    </row>
    <row r="102" spans="1:87" ht="10.5" customHeight="1">
      <c r="A102" s="967" t="s">
        <v>323</v>
      </c>
      <c r="B102" s="967"/>
      <c r="C102" s="967"/>
      <c r="D102" s="967"/>
      <c r="E102" s="967"/>
      <c r="F102" s="967"/>
      <c r="G102" s="967"/>
      <c r="H102" s="967"/>
      <c r="I102" s="967"/>
      <c r="J102" s="967"/>
      <c r="K102" s="967"/>
      <c r="L102" s="967"/>
      <c r="M102" s="967"/>
      <c r="N102" s="967"/>
      <c r="O102" s="967"/>
      <c r="P102" s="967"/>
      <c r="Q102" s="967"/>
      <c r="R102" s="967"/>
      <c r="S102" s="967"/>
      <c r="T102" s="967"/>
      <c r="U102" s="967"/>
      <c r="V102" s="967"/>
      <c r="W102" s="967"/>
      <c r="X102" s="967"/>
      <c r="Y102" s="967"/>
      <c r="Z102" s="967"/>
      <c r="AA102" s="967"/>
      <c r="AB102" s="967"/>
      <c r="AC102" s="967"/>
      <c r="AD102" s="967"/>
      <c r="AE102" s="967"/>
      <c r="AF102" s="967"/>
      <c r="AW102" s="817"/>
      <c r="AX102" s="951"/>
      <c r="AY102" s="952"/>
      <c r="AZ102" s="759"/>
      <c r="BA102" s="759"/>
      <c r="BB102" s="759"/>
      <c r="BC102" s="759"/>
      <c r="BD102" s="765"/>
      <c r="BE102" s="810"/>
      <c r="BF102" s="810"/>
      <c r="BG102" s="810"/>
      <c r="BH102" s="149"/>
      <c r="BI102" s="937"/>
      <c r="BJ102" s="938"/>
      <c r="BK102" s="150"/>
      <c r="BL102" s="937"/>
      <c r="BM102" s="938"/>
      <c r="BN102" s="150"/>
      <c r="BO102" s="937"/>
      <c r="BP102" s="938"/>
      <c r="BQ102" s="150"/>
      <c r="BR102" s="937"/>
      <c r="BS102" s="938"/>
      <c r="BT102" s="150"/>
      <c r="BU102" s="937"/>
      <c r="BV102" s="938"/>
      <c r="BW102" s="150"/>
      <c r="BX102" s="937"/>
      <c r="BY102" s="938"/>
      <c r="BZ102" s="150"/>
      <c r="CA102" s="937"/>
      <c r="CB102" s="938"/>
      <c r="CC102" s="151"/>
      <c r="CD102" s="937"/>
      <c r="CE102" s="938"/>
      <c r="CF102" s="148"/>
      <c r="CG102" s="152"/>
      <c r="CH102" s="937"/>
      <c r="CI102" s="939"/>
    </row>
    <row r="103" spans="1:87" ht="10.5" customHeight="1">
      <c r="A103" s="967"/>
      <c r="B103" s="967"/>
      <c r="C103" s="967"/>
      <c r="D103" s="967"/>
      <c r="E103" s="967"/>
      <c r="F103" s="967"/>
      <c r="G103" s="967"/>
      <c r="H103" s="967"/>
      <c r="I103" s="967"/>
      <c r="J103" s="967"/>
      <c r="K103" s="967"/>
      <c r="L103" s="967"/>
      <c r="M103" s="967"/>
      <c r="N103" s="967"/>
      <c r="O103" s="967"/>
      <c r="P103" s="967"/>
      <c r="Q103" s="967"/>
      <c r="R103" s="967"/>
      <c r="S103" s="967"/>
      <c r="T103" s="967"/>
      <c r="U103" s="967"/>
      <c r="V103" s="967"/>
      <c r="W103" s="967"/>
      <c r="X103" s="967"/>
      <c r="Y103" s="967"/>
      <c r="Z103" s="967"/>
      <c r="AA103" s="967"/>
      <c r="AB103" s="967"/>
      <c r="AC103" s="967"/>
      <c r="AD103" s="967"/>
      <c r="AE103" s="967"/>
      <c r="AF103" s="967"/>
      <c r="AW103" s="817"/>
      <c r="AX103" s="951"/>
      <c r="AY103" s="952"/>
      <c r="AZ103" s="957" t="s">
        <v>293</v>
      </c>
      <c r="BA103" s="958"/>
      <c r="BB103" s="759" t="s">
        <v>281</v>
      </c>
      <c r="BC103" s="759"/>
      <c r="BD103" s="823">
        <v>4</v>
      </c>
      <c r="BE103" s="810">
        <v>4</v>
      </c>
      <c r="BF103" s="810">
        <v>2</v>
      </c>
      <c r="BG103" s="810">
        <v>0</v>
      </c>
      <c r="BH103" s="940"/>
      <c r="BI103" s="924">
        <v>2</v>
      </c>
      <c r="BJ103" s="934"/>
      <c r="BK103" s="930"/>
      <c r="BL103" s="924">
        <v>5</v>
      </c>
      <c r="BM103" s="934"/>
      <c r="BN103" s="930"/>
      <c r="BO103" s="924">
        <v>8</v>
      </c>
      <c r="BP103" s="934"/>
      <c r="BQ103" s="930"/>
      <c r="BR103" s="924">
        <v>11</v>
      </c>
      <c r="BS103" s="934"/>
      <c r="BT103" s="930"/>
      <c r="BU103" s="924">
        <v>14</v>
      </c>
      <c r="BV103" s="934"/>
      <c r="BW103" s="930"/>
      <c r="BX103" s="924">
        <v>17</v>
      </c>
      <c r="BY103" s="934"/>
      <c r="BZ103" s="930"/>
      <c r="CA103" s="924">
        <v>20</v>
      </c>
      <c r="CB103" s="934"/>
      <c r="CC103" s="932"/>
      <c r="CD103" s="924">
        <v>23</v>
      </c>
      <c r="CE103" s="934"/>
      <c r="CF103" s="153"/>
      <c r="CG103" s="153"/>
      <c r="CH103" s="924">
        <v>26</v>
      </c>
      <c r="CI103" s="925"/>
    </row>
    <row r="104" spans="1:87" ht="10.5" customHeight="1">
      <c r="AW104" s="817"/>
      <c r="AX104" s="951"/>
      <c r="AY104" s="952"/>
      <c r="AZ104" s="959"/>
      <c r="BA104" s="960"/>
      <c r="BB104" s="759"/>
      <c r="BC104" s="759"/>
      <c r="BD104" s="764"/>
      <c r="BE104" s="810"/>
      <c r="BF104" s="810"/>
      <c r="BG104" s="810"/>
      <c r="BH104" s="941"/>
      <c r="BI104" s="926"/>
      <c r="BJ104" s="935"/>
      <c r="BK104" s="931"/>
      <c r="BL104" s="926"/>
      <c r="BM104" s="935"/>
      <c r="BN104" s="931"/>
      <c r="BO104" s="926"/>
      <c r="BP104" s="935"/>
      <c r="BQ104" s="931"/>
      <c r="BR104" s="926"/>
      <c r="BS104" s="935"/>
      <c r="BT104" s="931"/>
      <c r="BU104" s="926"/>
      <c r="BV104" s="935"/>
      <c r="BW104" s="931"/>
      <c r="BX104" s="926"/>
      <c r="BY104" s="935"/>
      <c r="BZ104" s="931"/>
      <c r="CA104" s="926"/>
      <c r="CB104" s="935"/>
      <c r="CC104" s="933"/>
      <c r="CD104" s="926"/>
      <c r="CE104" s="935"/>
      <c r="CF104" s="148"/>
      <c r="CG104" s="148"/>
      <c r="CH104" s="926"/>
      <c r="CI104" s="927"/>
    </row>
    <row r="105" spans="1:87" ht="10.5" customHeight="1">
      <c r="A105" s="967" t="s">
        <v>445</v>
      </c>
      <c r="B105" s="967"/>
      <c r="C105" s="967"/>
      <c r="D105" s="967"/>
      <c r="E105" s="967"/>
      <c r="F105" s="967"/>
      <c r="G105" s="967"/>
      <c r="H105" s="967"/>
      <c r="I105" s="967"/>
      <c r="J105" s="967"/>
      <c r="K105" s="967"/>
      <c r="L105" s="967"/>
      <c r="M105" s="967"/>
      <c r="N105" s="967"/>
      <c r="O105" s="967"/>
      <c r="P105" s="967"/>
      <c r="Q105" s="967"/>
      <c r="R105" s="967"/>
      <c r="S105" s="967"/>
      <c r="T105" s="967"/>
      <c r="U105" s="967"/>
      <c r="V105" s="967"/>
      <c r="W105" s="967"/>
      <c r="X105" s="967"/>
      <c r="Y105" s="967"/>
      <c r="Z105" s="967"/>
      <c r="AA105" s="967"/>
      <c r="AB105" s="967"/>
      <c r="AC105" s="967"/>
      <c r="AD105" s="967"/>
      <c r="AE105" s="967"/>
      <c r="AF105" s="967"/>
      <c r="AW105" s="817"/>
      <c r="AX105" s="951"/>
      <c r="AY105" s="952"/>
      <c r="AZ105" s="959"/>
      <c r="BA105" s="960"/>
      <c r="BB105" s="759"/>
      <c r="BC105" s="759"/>
      <c r="BD105" s="764"/>
      <c r="BE105" s="810"/>
      <c r="BF105" s="810"/>
      <c r="BG105" s="810"/>
      <c r="BH105" s="149"/>
      <c r="BI105" s="926"/>
      <c r="BJ105" s="935"/>
      <c r="BK105" s="150"/>
      <c r="BL105" s="926"/>
      <c r="BM105" s="935"/>
      <c r="BN105" s="150"/>
      <c r="BO105" s="926"/>
      <c r="BP105" s="935"/>
      <c r="BQ105" s="150"/>
      <c r="BR105" s="926"/>
      <c r="BS105" s="935"/>
      <c r="BT105" s="150"/>
      <c r="BU105" s="926"/>
      <c r="BV105" s="935"/>
      <c r="BW105" s="150"/>
      <c r="BX105" s="926"/>
      <c r="BY105" s="935"/>
      <c r="BZ105" s="150"/>
      <c r="CA105" s="926"/>
      <c r="CB105" s="935"/>
      <c r="CC105" s="151"/>
      <c r="CD105" s="926"/>
      <c r="CE105" s="935"/>
      <c r="CF105" s="148"/>
      <c r="CG105" s="152"/>
      <c r="CH105" s="926"/>
      <c r="CI105" s="927"/>
    </row>
    <row r="106" spans="1:87" ht="10.5" customHeight="1">
      <c r="A106" s="967"/>
      <c r="B106" s="967"/>
      <c r="C106" s="967"/>
      <c r="D106" s="967"/>
      <c r="E106" s="967"/>
      <c r="F106" s="967"/>
      <c r="G106" s="967"/>
      <c r="H106" s="967"/>
      <c r="I106" s="967"/>
      <c r="J106" s="967"/>
      <c r="K106" s="967"/>
      <c r="L106" s="967"/>
      <c r="M106" s="967"/>
      <c r="N106" s="967"/>
      <c r="O106" s="967"/>
      <c r="P106" s="967"/>
      <c r="Q106" s="967"/>
      <c r="R106" s="967"/>
      <c r="S106" s="967"/>
      <c r="T106" s="967"/>
      <c r="U106" s="967"/>
      <c r="V106" s="967"/>
      <c r="W106" s="967"/>
      <c r="X106" s="967"/>
      <c r="Y106" s="967"/>
      <c r="Z106" s="967"/>
      <c r="AA106" s="967"/>
      <c r="AB106" s="967"/>
      <c r="AC106" s="967"/>
      <c r="AD106" s="967"/>
      <c r="AE106" s="967"/>
      <c r="AF106" s="967"/>
      <c r="AW106" s="817"/>
      <c r="AX106" s="951"/>
      <c r="AY106" s="952"/>
      <c r="AZ106" s="959"/>
      <c r="BA106" s="960"/>
      <c r="BB106" s="759"/>
      <c r="BC106" s="759"/>
      <c r="BD106" s="765"/>
      <c r="BE106" s="810"/>
      <c r="BF106" s="810"/>
      <c r="BG106" s="810"/>
      <c r="BH106" s="149"/>
      <c r="BI106" s="937"/>
      <c r="BJ106" s="938"/>
      <c r="BK106" s="150"/>
      <c r="BL106" s="937"/>
      <c r="BM106" s="938"/>
      <c r="BN106" s="150"/>
      <c r="BO106" s="937"/>
      <c r="BP106" s="938"/>
      <c r="BQ106" s="150"/>
      <c r="BR106" s="937"/>
      <c r="BS106" s="938"/>
      <c r="BT106" s="150"/>
      <c r="BU106" s="937"/>
      <c r="BV106" s="938"/>
      <c r="BW106" s="150"/>
      <c r="BX106" s="937"/>
      <c r="BY106" s="938"/>
      <c r="BZ106" s="150"/>
      <c r="CA106" s="937"/>
      <c r="CB106" s="938"/>
      <c r="CC106" s="151"/>
      <c r="CD106" s="937"/>
      <c r="CE106" s="938"/>
      <c r="CF106" s="154"/>
      <c r="CG106" s="155"/>
      <c r="CH106" s="937"/>
      <c r="CI106" s="939"/>
    </row>
    <row r="107" spans="1:87" ht="10.5" customHeight="1">
      <c r="A107" s="967" t="s">
        <v>446</v>
      </c>
      <c r="B107" s="967"/>
      <c r="C107" s="967"/>
      <c r="D107" s="967"/>
      <c r="E107" s="967"/>
      <c r="F107" s="967"/>
      <c r="G107" s="967"/>
      <c r="H107" s="967"/>
      <c r="I107" s="967"/>
      <c r="J107" s="967"/>
      <c r="K107" s="967"/>
      <c r="L107" s="967"/>
      <c r="M107" s="967"/>
      <c r="N107" s="967"/>
      <c r="O107" s="967"/>
      <c r="P107" s="967"/>
      <c r="Q107" s="967"/>
      <c r="R107" s="967"/>
      <c r="S107" s="967"/>
      <c r="T107" s="967"/>
      <c r="U107" s="967"/>
      <c r="V107" s="967"/>
      <c r="W107" s="967"/>
      <c r="X107" s="967"/>
      <c r="Y107" s="967"/>
      <c r="Z107" s="967"/>
      <c r="AA107" s="967"/>
      <c r="AB107" s="967"/>
      <c r="AC107" s="967"/>
      <c r="AD107" s="967"/>
      <c r="AE107" s="967"/>
      <c r="AF107" s="967"/>
      <c r="AW107" s="817"/>
      <c r="AX107" s="951"/>
      <c r="AY107" s="952"/>
      <c r="AZ107" s="959"/>
      <c r="BA107" s="960"/>
      <c r="BB107" s="759" t="s">
        <v>282</v>
      </c>
      <c r="BC107" s="759"/>
      <c r="BD107" s="823">
        <v>4</v>
      </c>
      <c r="BE107" s="810">
        <v>4</v>
      </c>
      <c r="BF107" s="810">
        <v>3</v>
      </c>
      <c r="BG107" s="810">
        <v>0</v>
      </c>
      <c r="BH107" s="940"/>
      <c r="BI107" s="924">
        <v>3</v>
      </c>
      <c r="BJ107" s="934"/>
      <c r="BK107" s="930"/>
      <c r="BL107" s="924">
        <v>6</v>
      </c>
      <c r="BM107" s="934"/>
      <c r="BN107" s="930"/>
      <c r="BO107" s="924">
        <v>9</v>
      </c>
      <c r="BP107" s="934"/>
      <c r="BQ107" s="930"/>
      <c r="BR107" s="924">
        <v>12</v>
      </c>
      <c r="BS107" s="934"/>
      <c r="BT107" s="930"/>
      <c r="BU107" s="924">
        <v>15</v>
      </c>
      <c r="BV107" s="934"/>
      <c r="BW107" s="930"/>
      <c r="BX107" s="924">
        <v>18</v>
      </c>
      <c r="BY107" s="934"/>
      <c r="BZ107" s="930"/>
      <c r="CA107" s="924">
        <v>21</v>
      </c>
      <c r="CB107" s="934"/>
      <c r="CC107" s="932"/>
      <c r="CD107" s="924">
        <v>24</v>
      </c>
      <c r="CE107" s="934"/>
      <c r="CF107" s="148"/>
      <c r="CG107" s="148"/>
      <c r="CH107" s="924">
        <v>27</v>
      </c>
      <c r="CI107" s="925"/>
    </row>
    <row r="108" spans="1:87" ht="10.5" customHeight="1">
      <c r="A108" s="967"/>
      <c r="B108" s="967"/>
      <c r="C108" s="967"/>
      <c r="D108" s="967"/>
      <c r="E108" s="967"/>
      <c r="F108" s="967"/>
      <c r="G108" s="967"/>
      <c r="H108" s="967"/>
      <c r="I108" s="967"/>
      <c r="J108" s="967"/>
      <c r="K108" s="967"/>
      <c r="L108" s="967"/>
      <c r="M108" s="967"/>
      <c r="N108" s="967"/>
      <c r="O108" s="967"/>
      <c r="P108" s="967"/>
      <c r="Q108" s="967"/>
      <c r="R108" s="967"/>
      <c r="S108" s="967"/>
      <c r="T108" s="967"/>
      <c r="U108" s="967"/>
      <c r="V108" s="967"/>
      <c r="W108" s="967"/>
      <c r="X108" s="967"/>
      <c r="Y108" s="967"/>
      <c r="Z108" s="967"/>
      <c r="AA108" s="967"/>
      <c r="AB108" s="967"/>
      <c r="AC108" s="967"/>
      <c r="AD108" s="967"/>
      <c r="AE108" s="967"/>
      <c r="AF108" s="967"/>
      <c r="AK108" s="766">
        <v>3</v>
      </c>
      <c r="AW108" s="817"/>
      <c r="AX108" s="951"/>
      <c r="AY108" s="952"/>
      <c r="AZ108" s="959"/>
      <c r="BA108" s="960"/>
      <c r="BB108" s="759"/>
      <c r="BC108" s="759"/>
      <c r="BD108" s="764"/>
      <c r="BE108" s="810"/>
      <c r="BF108" s="810"/>
      <c r="BG108" s="810"/>
      <c r="BH108" s="941"/>
      <c r="BI108" s="926"/>
      <c r="BJ108" s="935"/>
      <c r="BK108" s="931"/>
      <c r="BL108" s="926"/>
      <c r="BM108" s="935"/>
      <c r="BN108" s="931"/>
      <c r="BO108" s="926"/>
      <c r="BP108" s="935"/>
      <c r="BQ108" s="931"/>
      <c r="BR108" s="926"/>
      <c r="BS108" s="935"/>
      <c r="BT108" s="931"/>
      <c r="BU108" s="926"/>
      <c r="BV108" s="935"/>
      <c r="BW108" s="931"/>
      <c r="BX108" s="926"/>
      <c r="BY108" s="935"/>
      <c r="BZ108" s="931"/>
      <c r="CA108" s="926"/>
      <c r="CB108" s="935"/>
      <c r="CC108" s="933"/>
      <c r="CD108" s="926"/>
      <c r="CE108" s="935"/>
      <c r="CF108" s="148"/>
      <c r="CG108" s="148"/>
      <c r="CH108" s="926"/>
      <c r="CI108" s="927"/>
    </row>
    <row r="109" spans="1:87" ht="10.5" customHeight="1">
      <c r="AK109" s="766"/>
      <c r="AW109" s="817"/>
      <c r="AX109" s="951"/>
      <c r="AY109" s="952"/>
      <c r="AZ109" s="959"/>
      <c r="BA109" s="960"/>
      <c r="BB109" s="759"/>
      <c r="BC109" s="759"/>
      <c r="BD109" s="764"/>
      <c r="BE109" s="810"/>
      <c r="BF109" s="810"/>
      <c r="BG109" s="810"/>
      <c r="BH109" s="132"/>
      <c r="BI109" s="926"/>
      <c r="BJ109" s="935"/>
      <c r="BK109" s="150"/>
      <c r="BL109" s="926"/>
      <c r="BM109" s="935"/>
      <c r="BN109" s="150"/>
      <c r="BO109" s="926"/>
      <c r="BP109" s="935"/>
      <c r="BQ109" s="150"/>
      <c r="BR109" s="926"/>
      <c r="BS109" s="935"/>
      <c r="BT109" s="150"/>
      <c r="BU109" s="926"/>
      <c r="BV109" s="935"/>
      <c r="BW109" s="150"/>
      <c r="BX109" s="926"/>
      <c r="BY109" s="935"/>
      <c r="BZ109" s="150"/>
      <c r="CA109" s="926"/>
      <c r="CB109" s="935"/>
      <c r="CC109" s="151"/>
      <c r="CD109" s="926"/>
      <c r="CE109" s="935"/>
      <c r="CF109" s="148"/>
      <c r="CG109" s="152"/>
      <c r="CH109" s="926"/>
      <c r="CI109" s="927"/>
    </row>
    <row r="110" spans="1:87" ht="10.5" customHeight="1" thickBot="1">
      <c r="AK110" s="766"/>
      <c r="AW110" s="818"/>
      <c r="AX110" s="953"/>
      <c r="AY110" s="954"/>
      <c r="AZ110" s="961"/>
      <c r="BA110" s="962"/>
      <c r="BB110" s="956"/>
      <c r="BC110" s="956"/>
      <c r="BD110" s="922"/>
      <c r="BE110" s="923"/>
      <c r="BF110" s="923"/>
      <c r="BG110" s="923"/>
      <c r="BH110" s="145"/>
      <c r="BI110" s="928"/>
      <c r="BJ110" s="936"/>
      <c r="BK110" s="156"/>
      <c r="BL110" s="928"/>
      <c r="BM110" s="936"/>
      <c r="BN110" s="156"/>
      <c r="BO110" s="928"/>
      <c r="BP110" s="936"/>
      <c r="BQ110" s="156"/>
      <c r="BR110" s="928"/>
      <c r="BS110" s="936"/>
      <c r="BT110" s="156"/>
      <c r="BU110" s="928"/>
      <c r="BV110" s="936"/>
      <c r="BW110" s="156"/>
      <c r="BX110" s="928"/>
      <c r="BY110" s="936"/>
      <c r="BZ110" s="156"/>
      <c r="CA110" s="928"/>
      <c r="CB110" s="936"/>
      <c r="CC110" s="157"/>
      <c r="CD110" s="928"/>
      <c r="CE110" s="936"/>
      <c r="CF110" s="158"/>
      <c r="CG110" s="159"/>
      <c r="CH110" s="928"/>
      <c r="CI110" s="929"/>
    </row>
    <row r="111" spans="1:87" ht="10.5" customHeight="1"/>
    <row r="112" spans="1:87" ht="10.5" customHeight="1"/>
    <row r="113" spans="37:37" ht="10.5" customHeight="1">
      <c r="AK113" s="512"/>
    </row>
    <row r="114" spans="37:37" ht="10.5" customHeight="1">
      <c r="AK114" s="512"/>
    </row>
    <row r="115" spans="37:37" ht="10.5" customHeight="1"/>
    <row r="116" spans="37:37" ht="10.5" customHeight="1"/>
    <row r="117" spans="37:37" ht="10.5" customHeight="1"/>
    <row r="118" spans="37:37" ht="10.5" customHeight="1"/>
    <row r="119" spans="37:37" ht="10.5" customHeight="1"/>
    <row r="120" spans="37:37" ht="10.5" customHeight="1"/>
    <row r="121" spans="37:37" ht="10.5" customHeight="1"/>
    <row r="122" spans="37:37" ht="10.5" customHeight="1"/>
    <row r="123" spans="37:37" ht="10.5" customHeight="1"/>
    <row r="124" spans="37:37" ht="10.5" customHeight="1"/>
    <row r="125" spans="37:37" ht="10.5" customHeight="1"/>
    <row r="126" spans="37:37" ht="10.5" customHeight="1"/>
    <row r="127" spans="37:37" ht="10.5" customHeight="1"/>
    <row r="128" spans="37:37" ht="11.25" customHeight="1"/>
    <row r="129" ht="11.25" customHeight="1"/>
    <row r="130" ht="11.25" customHeight="1"/>
    <row r="131" ht="11.25" customHeight="1"/>
    <row r="132" ht="11.25" customHeight="1"/>
    <row r="133" ht="11.25" customHeight="1"/>
    <row r="134" ht="11.25" customHeight="1"/>
    <row r="135" ht="11.25" customHeight="1"/>
    <row r="136" ht="11.25" customHeight="1"/>
    <row r="137" ht="11.25" customHeight="1"/>
    <row r="138" ht="11.25" customHeight="1"/>
    <row r="139" ht="11.25" customHeight="1"/>
    <row r="140" ht="11.25" customHeight="1"/>
    <row r="141" ht="11.25" customHeight="1"/>
    <row r="142" ht="11.25" customHeight="1"/>
    <row r="143" ht="11.25" customHeight="1"/>
    <row r="144" ht="11.25" customHeight="1"/>
    <row r="145" ht="11.25" customHeight="1"/>
    <row r="146" ht="11.25" customHeight="1"/>
    <row r="147" ht="11.25" customHeight="1"/>
    <row r="148" ht="11.25" customHeight="1"/>
    <row r="149" ht="11.25" customHeight="1"/>
    <row r="150" ht="11.25" customHeight="1"/>
    <row r="151" ht="11.25" customHeight="1"/>
    <row r="152" ht="11.25" customHeight="1"/>
    <row r="153" ht="11.25" customHeight="1"/>
    <row r="154" ht="11.25" customHeight="1"/>
    <row r="155" ht="11.25" customHeight="1"/>
    <row r="156" ht="11.25" customHeight="1"/>
    <row r="157" ht="11.25" customHeight="1"/>
    <row r="158" ht="7.5" customHeight="1"/>
    <row r="159" ht="7.5" customHeight="1"/>
    <row r="160" ht="7.5" customHeight="1"/>
    <row r="161" ht="7.5" customHeight="1"/>
    <row r="162" ht="7.5" customHeight="1"/>
    <row r="163" ht="7.5" customHeight="1"/>
    <row r="164" ht="7.5" customHeight="1"/>
    <row r="165" ht="7.5" customHeight="1"/>
    <row r="166" ht="7.5" customHeight="1"/>
    <row r="167" ht="7.5" customHeight="1"/>
    <row r="168" ht="7.5" customHeight="1"/>
    <row r="169" ht="7.5" customHeight="1"/>
    <row r="170" ht="7.5" customHeight="1"/>
    <row r="171" ht="7.5" customHeight="1"/>
    <row r="172" ht="7.5" customHeight="1"/>
    <row r="173" ht="7.5" customHeight="1"/>
    <row r="174" ht="7.5" customHeight="1"/>
    <row r="175" ht="7.5" customHeight="1"/>
    <row r="176" ht="7.5" customHeight="1"/>
    <row r="177" ht="7.5" customHeight="1"/>
    <row r="178" ht="7.5" customHeight="1"/>
    <row r="179" ht="7.5" customHeight="1"/>
    <row r="180" ht="7.5" customHeight="1"/>
    <row r="181" ht="7.5" customHeight="1"/>
    <row r="182" ht="7.5" customHeight="1"/>
    <row r="183" ht="7.5" customHeight="1"/>
    <row r="184" ht="7.5" customHeight="1"/>
    <row r="185" ht="7.5" customHeight="1"/>
    <row r="186" ht="7.5" customHeight="1"/>
    <row r="187" ht="7.5" customHeight="1"/>
    <row r="188" ht="7.5" customHeight="1"/>
    <row r="189" ht="7.5" customHeight="1"/>
    <row r="190" ht="7.5" customHeight="1"/>
    <row r="191" ht="7.5" customHeight="1"/>
    <row r="192" ht="7.5" customHeight="1"/>
    <row r="193" ht="7.5" customHeight="1"/>
    <row r="194" ht="7.5" customHeight="1"/>
    <row r="195" ht="7.5" customHeight="1"/>
    <row r="196" ht="7.5" customHeight="1"/>
    <row r="197" ht="7.5" customHeight="1"/>
    <row r="198" ht="7.5" customHeight="1"/>
    <row r="199" ht="7.5" customHeight="1"/>
    <row r="200" ht="7.5" customHeight="1"/>
    <row r="201" ht="7.5" customHeight="1"/>
    <row r="202" ht="7.5" customHeight="1"/>
    <row r="203" ht="7.5" customHeight="1"/>
    <row r="204" ht="7.5" customHeight="1"/>
    <row r="205" ht="7.5" customHeight="1"/>
    <row r="206" ht="7.5" customHeight="1"/>
    <row r="207" ht="7.5" customHeight="1"/>
    <row r="208" ht="7.5" customHeight="1"/>
    <row r="209" ht="7.5" customHeight="1"/>
    <row r="210" ht="7.5" customHeight="1"/>
    <row r="211" ht="7.5" customHeight="1"/>
    <row r="212" ht="7.5" customHeight="1"/>
    <row r="213" ht="7.5" customHeight="1"/>
    <row r="214" ht="7.5" customHeight="1"/>
    <row r="215" ht="7.5" customHeight="1"/>
    <row r="216" ht="7.5" customHeight="1"/>
    <row r="217" ht="7.5" customHeight="1"/>
    <row r="218" ht="7.5" customHeight="1"/>
    <row r="219" ht="7.5" customHeight="1"/>
    <row r="220" ht="7.5" customHeight="1"/>
    <row r="221" ht="7.5" customHeight="1"/>
    <row r="222" ht="7.5" customHeight="1"/>
    <row r="223" ht="7.5" customHeight="1"/>
    <row r="224" ht="7.5" customHeight="1"/>
    <row r="225" ht="7.5" customHeight="1"/>
    <row r="226" ht="7.5" customHeight="1"/>
    <row r="227" ht="7.5" customHeight="1"/>
    <row r="228" ht="7.5" customHeight="1"/>
    <row r="229" ht="7.5" customHeight="1"/>
    <row r="230" ht="7.5" customHeight="1"/>
    <row r="231" ht="7.5" customHeight="1"/>
    <row r="232" ht="7.5" customHeight="1"/>
    <row r="233" ht="7.5" customHeight="1"/>
    <row r="234" ht="7.5" customHeight="1"/>
    <row r="235" ht="7.5" customHeight="1"/>
    <row r="236" ht="7.5" customHeight="1"/>
    <row r="237" ht="7.5" customHeight="1"/>
    <row r="238" ht="7.5" customHeight="1"/>
    <row r="239" ht="7.5" customHeight="1"/>
    <row r="240" ht="7.5" customHeight="1"/>
    <row r="241" ht="7.5" customHeight="1"/>
    <row r="242" ht="7.5" customHeight="1"/>
    <row r="243" ht="7.5" customHeight="1"/>
    <row r="244" ht="7.5" customHeight="1"/>
    <row r="245" ht="7.5" customHeight="1"/>
    <row r="246" ht="7.5" customHeight="1"/>
    <row r="247" ht="7.5" customHeight="1"/>
    <row r="248" ht="7.5" customHeight="1"/>
    <row r="249" ht="7.5" customHeight="1"/>
    <row r="250" ht="7.5" customHeight="1"/>
    <row r="251" ht="7.5" customHeight="1"/>
    <row r="252" ht="7.5" customHeight="1"/>
    <row r="253" ht="7.5" customHeight="1"/>
    <row r="254" ht="7.5" customHeight="1"/>
    <row r="255" ht="7.5" customHeight="1"/>
    <row r="256" ht="7.5" customHeight="1"/>
    <row r="257" ht="7.5" customHeight="1"/>
    <row r="258" ht="7.5" customHeight="1"/>
    <row r="259" ht="7.5" customHeight="1"/>
    <row r="260" ht="7.5" customHeight="1"/>
    <row r="261" ht="7.5" customHeight="1"/>
    <row r="262" ht="7.5" customHeight="1"/>
    <row r="263" ht="7.5" customHeight="1"/>
    <row r="264" ht="7.5" customHeight="1"/>
    <row r="265" ht="7.5" customHeight="1"/>
    <row r="266" ht="7.5" customHeight="1"/>
    <row r="267" ht="7.5" customHeight="1"/>
    <row r="268" ht="7.5" customHeight="1"/>
    <row r="269" ht="7.5" customHeight="1"/>
    <row r="270" ht="7.5" customHeight="1"/>
    <row r="271" ht="7.5" customHeight="1"/>
    <row r="272" ht="7.5" customHeight="1"/>
    <row r="273" ht="7.5" customHeight="1"/>
    <row r="274" ht="7.5" customHeight="1"/>
    <row r="275" ht="7.5" customHeight="1"/>
    <row r="276" ht="7.5" customHeight="1"/>
    <row r="277" ht="7.5" customHeight="1"/>
    <row r="278" ht="7.5" customHeight="1"/>
    <row r="279" ht="7.5" customHeight="1"/>
    <row r="280" ht="7.5" customHeight="1"/>
    <row r="281" ht="7.5" customHeight="1"/>
  </sheetData>
  <mergeCells count="317">
    <mergeCell ref="AE51:AG58"/>
    <mergeCell ref="K61:L65"/>
    <mergeCell ref="A105:AF106"/>
    <mergeCell ref="A107:AF108"/>
    <mergeCell ref="F36:F40"/>
    <mergeCell ref="H36:H40"/>
    <mergeCell ref="J36:J40"/>
    <mergeCell ref="L36:L40"/>
    <mergeCell ref="N36:N40"/>
    <mergeCell ref="R31:S39"/>
    <mergeCell ref="T31:V35"/>
    <mergeCell ref="W31:Y35"/>
    <mergeCell ref="A90:AF91"/>
    <mergeCell ref="A96:AF97"/>
    <mergeCell ref="A99:AF100"/>
    <mergeCell ref="A102:AF103"/>
    <mergeCell ref="A84:AF85"/>
    <mergeCell ref="AA31:AB39"/>
    <mergeCell ref="AF31:AH35"/>
    <mergeCell ref="AC36:AE39"/>
    <mergeCell ref="AH51:AJ58"/>
    <mergeCell ref="AC31:AE35"/>
    <mergeCell ref="A81:H82"/>
    <mergeCell ref="M51:O58"/>
    <mergeCell ref="C49:C58"/>
    <mergeCell ref="AP49:AS50"/>
    <mergeCell ref="AP60:AP65"/>
    <mergeCell ref="AP66:AP70"/>
    <mergeCell ref="AM61:AN65"/>
    <mergeCell ref="AM66:AN70"/>
    <mergeCell ref="AF71:AG75"/>
    <mergeCell ref="E71:F75"/>
    <mergeCell ref="H66:I70"/>
    <mergeCell ref="H71:I75"/>
    <mergeCell ref="K66:L70"/>
    <mergeCell ref="K71:L75"/>
    <mergeCell ref="AP71:AP75"/>
    <mergeCell ref="AM71:AN75"/>
    <mergeCell ref="Q61:R65"/>
    <mergeCell ref="Q66:R70"/>
    <mergeCell ref="Q71:R75"/>
    <mergeCell ref="AF66:AG70"/>
    <mergeCell ref="AC71:AD75"/>
    <mergeCell ref="Z66:AA70"/>
    <mergeCell ref="Z71:AA75"/>
    <mergeCell ref="AC66:AD70"/>
    <mergeCell ref="AF61:AG65"/>
    <mergeCell ref="T61:U65"/>
    <mergeCell ref="E66:F70"/>
    <mergeCell ref="BH99:BH100"/>
    <mergeCell ref="AW3:BC17"/>
    <mergeCell ref="A93:AF94"/>
    <mergeCell ref="A60:A65"/>
    <mergeCell ref="B60:B65"/>
    <mergeCell ref="C60:C65"/>
    <mergeCell ref="A66:A70"/>
    <mergeCell ref="B66:B70"/>
    <mergeCell ref="A87:AF88"/>
    <mergeCell ref="T66:U70"/>
    <mergeCell ref="AW87:BC90"/>
    <mergeCell ref="AW91:BC94"/>
    <mergeCell ref="AW67:BC70"/>
    <mergeCell ref="AW71:BC74"/>
    <mergeCell ref="AW42:BC45"/>
    <mergeCell ref="AW46:BC49"/>
    <mergeCell ref="AW18:BC21"/>
    <mergeCell ref="Z61:AA65"/>
    <mergeCell ref="A71:A75"/>
    <mergeCell ref="B71:B75"/>
    <mergeCell ref="C66:C70"/>
    <mergeCell ref="AQ51:AS59"/>
    <mergeCell ref="AP51:AP59"/>
    <mergeCell ref="AW50:BC53"/>
    <mergeCell ref="BX103:BY106"/>
    <mergeCell ref="CA103:CB106"/>
    <mergeCell ref="BO99:BP102"/>
    <mergeCell ref="BR99:BS102"/>
    <mergeCell ref="BO103:BP106"/>
    <mergeCell ref="BR103:BS106"/>
    <mergeCell ref="BW103:BW104"/>
    <mergeCell ref="BZ103:BZ104"/>
    <mergeCell ref="AW99:AY110"/>
    <mergeCell ref="AZ99:BC102"/>
    <mergeCell ref="BB107:BC110"/>
    <mergeCell ref="BB103:BC106"/>
    <mergeCell ref="AZ103:BA110"/>
    <mergeCell ref="BE99:BE102"/>
    <mergeCell ref="BD99:BD102"/>
    <mergeCell ref="BK99:BK100"/>
    <mergeCell ref="BH107:BH108"/>
    <mergeCell ref="BD107:BD110"/>
    <mergeCell ref="BE107:BE110"/>
    <mergeCell ref="BF107:BF110"/>
    <mergeCell ref="BG107:BG110"/>
    <mergeCell ref="BI107:BJ110"/>
    <mergeCell ref="BL107:BM110"/>
    <mergeCell ref="BN9:BP10"/>
    <mergeCell ref="CH99:CI102"/>
    <mergeCell ref="BT99:BT100"/>
    <mergeCell ref="BW99:BW100"/>
    <mergeCell ref="BZ99:BZ100"/>
    <mergeCell ref="CC99:CC100"/>
    <mergeCell ref="BX99:BY102"/>
    <mergeCell ref="CA99:CB102"/>
    <mergeCell ref="CD99:CE102"/>
    <mergeCell ref="BU99:BV102"/>
    <mergeCell ref="BN11:BP17"/>
    <mergeCell ref="BT9:BV17"/>
    <mergeCell ref="BQ9:BS17"/>
    <mergeCell ref="BZ9:CB17"/>
    <mergeCell ref="BW9:BY17"/>
    <mergeCell ref="CC9:CE17"/>
    <mergeCell ref="BQ99:BQ100"/>
    <mergeCell ref="BN99:BN100"/>
    <mergeCell ref="BH103:BH104"/>
    <mergeCell ref="BK107:BK108"/>
    <mergeCell ref="BN107:BN108"/>
    <mergeCell ref="BF103:BF106"/>
    <mergeCell ref="BG103:BG106"/>
    <mergeCell ref="BF99:BF102"/>
    <mergeCell ref="BG99:BG102"/>
    <mergeCell ref="BI99:BJ102"/>
    <mergeCell ref="BF91:BF94"/>
    <mergeCell ref="BG91:BG94"/>
    <mergeCell ref="BL99:BM102"/>
    <mergeCell ref="BI103:BJ106"/>
    <mergeCell ref="CH107:CI110"/>
    <mergeCell ref="BT107:BT108"/>
    <mergeCell ref="BW107:BW108"/>
    <mergeCell ref="BZ107:BZ108"/>
    <mergeCell ref="CC107:CC108"/>
    <mergeCell ref="BK103:BK104"/>
    <mergeCell ref="BN103:BN104"/>
    <mergeCell ref="BQ103:BQ104"/>
    <mergeCell ref="BX107:BY110"/>
    <mergeCell ref="CD107:CE110"/>
    <mergeCell ref="CD103:CE106"/>
    <mergeCell ref="BU103:BV106"/>
    <mergeCell ref="BT103:BT104"/>
    <mergeCell ref="BR107:BS110"/>
    <mergeCell ref="BU107:BV110"/>
    <mergeCell ref="BQ107:BQ108"/>
    <mergeCell ref="CA107:CB110"/>
    <mergeCell ref="BO107:BP110"/>
    <mergeCell ref="CH103:CI106"/>
    <mergeCell ref="BL103:BM106"/>
    <mergeCell ref="CC103:CC104"/>
    <mergeCell ref="BD79:BD82"/>
    <mergeCell ref="BE79:BE82"/>
    <mergeCell ref="BF79:BF82"/>
    <mergeCell ref="BG79:BG82"/>
    <mergeCell ref="BD75:BD78"/>
    <mergeCell ref="BE75:BE78"/>
    <mergeCell ref="BF75:BF78"/>
    <mergeCell ref="BG75:BG78"/>
    <mergeCell ref="BD103:BD106"/>
    <mergeCell ref="BE103:BE106"/>
    <mergeCell ref="BD87:BD90"/>
    <mergeCell ref="BE87:BE90"/>
    <mergeCell ref="BF87:BF90"/>
    <mergeCell ref="BG87:BG90"/>
    <mergeCell ref="BD83:BD86"/>
    <mergeCell ref="BE83:BE86"/>
    <mergeCell ref="BF83:BF86"/>
    <mergeCell ref="BG83:BG86"/>
    <mergeCell ref="BD95:BD98"/>
    <mergeCell ref="BE95:BE98"/>
    <mergeCell ref="BF95:BF98"/>
    <mergeCell ref="BG95:BG98"/>
    <mergeCell ref="BD91:BD94"/>
    <mergeCell ref="BE91:BE94"/>
    <mergeCell ref="BD63:BD66"/>
    <mergeCell ref="BE63:BE66"/>
    <mergeCell ref="BF63:BF66"/>
    <mergeCell ref="BG63:BG66"/>
    <mergeCell ref="BD59:BD62"/>
    <mergeCell ref="BE59:BE62"/>
    <mergeCell ref="BF59:BF62"/>
    <mergeCell ref="BG59:BG62"/>
    <mergeCell ref="BD71:BD74"/>
    <mergeCell ref="BE71:BE74"/>
    <mergeCell ref="BF71:BF74"/>
    <mergeCell ref="BG71:BG74"/>
    <mergeCell ref="BD67:BD70"/>
    <mergeCell ref="BE67:BE70"/>
    <mergeCell ref="BF67:BF70"/>
    <mergeCell ref="BG67:BG70"/>
    <mergeCell ref="BF38:BF41"/>
    <mergeCell ref="BG38:BG41"/>
    <mergeCell ref="BD54:BD58"/>
    <mergeCell ref="BE54:BE58"/>
    <mergeCell ref="BF54:BF58"/>
    <mergeCell ref="BG54:BG58"/>
    <mergeCell ref="BD50:BD53"/>
    <mergeCell ref="BE50:BE53"/>
    <mergeCell ref="BF50:BF53"/>
    <mergeCell ref="BG50:BG53"/>
    <mergeCell ref="P51:R58"/>
    <mergeCell ref="AB51:AD58"/>
    <mergeCell ref="G58:I59"/>
    <mergeCell ref="BD30:BD33"/>
    <mergeCell ref="BE30:BE33"/>
    <mergeCell ref="BF30:BF33"/>
    <mergeCell ref="BG30:BG33"/>
    <mergeCell ref="BD26:BD29"/>
    <mergeCell ref="BE26:BE29"/>
    <mergeCell ref="BF26:BF29"/>
    <mergeCell ref="BG26:BG29"/>
    <mergeCell ref="BE34:BE37"/>
    <mergeCell ref="BF34:BF37"/>
    <mergeCell ref="BG34:BG37"/>
    <mergeCell ref="BD46:BD49"/>
    <mergeCell ref="BE46:BE49"/>
    <mergeCell ref="BF46:BF49"/>
    <mergeCell ref="BG46:BG49"/>
    <mergeCell ref="BD42:BD45"/>
    <mergeCell ref="BE42:BE45"/>
    <mergeCell ref="BF42:BF45"/>
    <mergeCell ref="BG42:BG45"/>
    <mergeCell ref="BD38:BD41"/>
    <mergeCell ref="BE38:BE41"/>
    <mergeCell ref="AW2:CI2"/>
    <mergeCell ref="AA11:AD12"/>
    <mergeCell ref="AE13:AL15"/>
    <mergeCell ref="C71:C75"/>
    <mergeCell ref="R11:U15"/>
    <mergeCell ref="T36:V39"/>
    <mergeCell ref="W36:Y39"/>
    <mergeCell ref="P49:X50"/>
    <mergeCell ref="P36:P40"/>
    <mergeCell ref="A45:AK47"/>
    <mergeCell ref="D36:D40"/>
    <mergeCell ref="AF36:AH39"/>
    <mergeCell ref="Y49:AJ50"/>
    <mergeCell ref="A49:B58"/>
    <mergeCell ref="D56:F57"/>
    <mergeCell ref="D53:F54"/>
    <mergeCell ref="G53:I54"/>
    <mergeCell ref="E61:F65"/>
    <mergeCell ref="H61:I65"/>
    <mergeCell ref="D49:O50"/>
    <mergeCell ref="D58:F59"/>
    <mergeCell ref="AC61:AD65"/>
    <mergeCell ref="G56:I57"/>
    <mergeCell ref="D51:I52"/>
    <mergeCell ref="A28:B34"/>
    <mergeCell ref="R16:U19"/>
    <mergeCell ref="AW38:BC41"/>
    <mergeCell ref="J51:L52"/>
    <mergeCell ref="J56:L57"/>
    <mergeCell ref="J53:L54"/>
    <mergeCell ref="J58:L59"/>
    <mergeCell ref="A1:BK1"/>
    <mergeCell ref="A16:A19"/>
    <mergeCell ref="B16:B19"/>
    <mergeCell ref="C16:C19"/>
    <mergeCell ref="F16:F19"/>
    <mergeCell ref="O28:P34"/>
    <mergeCell ref="C31:D34"/>
    <mergeCell ref="E31:F34"/>
    <mergeCell ref="G31:H34"/>
    <mergeCell ref="M31:N34"/>
    <mergeCell ref="C28:H30"/>
    <mergeCell ref="I28:N30"/>
    <mergeCell ref="D16:D19"/>
    <mergeCell ref="A24:AD26"/>
    <mergeCell ref="N16:P19"/>
    <mergeCell ref="G16:G19"/>
    <mergeCell ref="W16:Y19"/>
    <mergeCell ref="BH11:BJ17"/>
    <mergeCell ref="BD5:BG17"/>
    <mergeCell ref="BH9:BM10"/>
    <mergeCell ref="BK11:BM17"/>
    <mergeCell ref="A36:A40"/>
    <mergeCell ref="B36:B40"/>
    <mergeCell ref="N11:P15"/>
    <mergeCell ref="W11:Y15"/>
    <mergeCell ref="AW34:BC37"/>
    <mergeCell ref="AW22:BC25"/>
    <mergeCell ref="AW26:BC29"/>
    <mergeCell ref="AW30:BC33"/>
    <mergeCell ref="BD22:BD25"/>
    <mergeCell ref="BE22:BE25"/>
    <mergeCell ref="BF22:BF25"/>
    <mergeCell ref="BG22:BG25"/>
    <mergeCell ref="BG18:BG21"/>
    <mergeCell ref="BF18:BF21"/>
    <mergeCell ref="C11:G14"/>
    <mergeCell ref="E16:E19"/>
    <mergeCell ref="K11:M15"/>
    <mergeCell ref="K16:M19"/>
    <mergeCell ref="A11:B14"/>
    <mergeCell ref="I11:J19"/>
    <mergeCell ref="BD3:CI4"/>
    <mergeCell ref="BH5:CE6"/>
    <mergeCell ref="BH7:BP8"/>
    <mergeCell ref="BQ7:BV8"/>
    <mergeCell ref="BW7:CE8"/>
    <mergeCell ref="CF5:CI17"/>
    <mergeCell ref="BD34:BD37"/>
    <mergeCell ref="AK108:AK110"/>
    <mergeCell ref="I31:J34"/>
    <mergeCell ref="K31:L34"/>
    <mergeCell ref="AK49:AN58"/>
    <mergeCell ref="Y51:AA58"/>
    <mergeCell ref="S51:U58"/>
    <mergeCell ref="V51:X58"/>
    <mergeCell ref="T71:U75"/>
    <mergeCell ref="AW75:BC78"/>
    <mergeCell ref="AW54:BC58"/>
    <mergeCell ref="AW59:BC62"/>
    <mergeCell ref="AW63:BC66"/>
    <mergeCell ref="AW95:BC98"/>
    <mergeCell ref="AW79:BC82"/>
    <mergeCell ref="AW83:BC86"/>
    <mergeCell ref="BE18:BE21"/>
    <mergeCell ref="BD18:BD21"/>
  </mergeCells>
  <phoneticPr fontId="2"/>
  <pageMargins left="0.35433070866141736" right="0" top="0.39370078740157483" bottom="0" header="0.31496062992125984" footer="0.51181102362204722"/>
  <pageSetup paperSize="9" scale="50" orientation="landscape" r:id="rId1"/>
  <headerFooter alignWithMargins="0">
    <oddHeader>&amp;C&amp;20私 立 学 校 現 況 調 査 票&amp;14（幼稚園用　その１）</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DH70"/>
  <sheetViews>
    <sheetView showGridLines="0" tabSelected="1" view="pageBreakPreview" zoomScale="70" zoomScaleNormal="85" zoomScaleSheetLayoutView="70" workbookViewId="0">
      <selection activeCell="BN45" sqref="BN45"/>
    </sheetView>
  </sheetViews>
  <sheetFormatPr defaultRowHeight="13.2"/>
  <cols>
    <col min="1" max="1" width="3.296875" style="396" customWidth="1"/>
    <col min="2" max="16" width="2.59765625" style="396" customWidth="1"/>
    <col min="17" max="17" width="6.5" style="396" customWidth="1"/>
    <col min="18" max="77" width="2.59765625" style="396" customWidth="1"/>
    <col min="78" max="78" width="1.296875" style="396" customWidth="1"/>
    <col min="79" max="16384" width="8.796875" style="462"/>
  </cols>
  <sheetData>
    <row r="1" spans="1:112" s="397" customFormat="1" ht="13.8" thickBot="1">
      <c r="A1" s="396"/>
      <c r="B1" s="396"/>
      <c r="C1" s="396"/>
      <c r="D1" s="396"/>
      <c r="E1" s="396"/>
      <c r="F1" s="396"/>
      <c r="G1" s="396"/>
      <c r="H1" s="396"/>
      <c r="I1" s="396"/>
      <c r="J1" s="396"/>
      <c r="K1" s="396"/>
      <c r="L1" s="396"/>
      <c r="M1" s="396"/>
      <c r="N1" s="396"/>
      <c r="O1" s="396"/>
      <c r="P1" s="396"/>
      <c r="Q1" s="396"/>
      <c r="R1" s="396"/>
      <c r="S1" s="396"/>
      <c r="T1" s="396"/>
      <c r="U1" s="396"/>
      <c r="V1" s="396"/>
      <c r="W1" s="396"/>
      <c r="X1" s="396"/>
      <c r="Y1" s="396"/>
      <c r="Z1" s="396"/>
      <c r="AA1" s="396"/>
      <c r="AB1" s="396"/>
      <c r="AC1" s="396"/>
      <c r="AD1" s="396"/>
      <c r="AE1" s="396"/>
      <c r="AF1" s="396"/>
      <c r="AG1" s="396"/>
      <c r="AH1" s="396"/>
      <c r="AI1" s="396"/>
      <c r="AJ1" s="396"/>
      <c r="AK1" s="396"/>
      <c r="AL1" s="396"/>
      <c r="AM1" s="396"/>
      <c r="AN1" s="396"/>
      <c r="AO1" s="396"/>
      <c r="AP1" s="396"/>
      <c r="AQ1" s="396"/>
      <c r="AR1" s="396"/>
      <c r="AS1" s="396"/>
      <c r="AT1" s="396"/>
      <c r="AU1" s="396"/>
      <c r="AV1" s="396"/>
      <c r="AW1" s="396"/>
      <c r="AX1" s="396"/>
      <c r="AY1" s="396"/>
      <c r="AZ1" s="396"/>
      <c r="BA1" s="396"/>
      <c r="BB1" s="396"/>
      <c r="BC1" s="396"/>
      <c r="BD1" s="396"/>
      <c r="BE1" s="396"/>
      <c r="BF1" s="396"/>
      <c r="BG1" s="396"/>
      <c r="BH1" s="396"/>
      <c r="BI1" s="396"/>
      <c r="BJ1" s="396"/>
      <c r="BK1" s="396"/>
      <c r="BL1" s="396"/>
      <c r="BM1" s="396"/>
      <c r="BN1" s="396"/>
      <c r="BO1" s="396"/>
      <c r="BP1" s="396"/>
      <c r="BQ1" s="396"/>
      <c r="BR1" s="396"/>
      <c r="BS1" s="396"/>
      <c r="BT1" s="396"/>
      <c r="BU1" s="396"/>
      <c r="BV1" s="396"/>
      <c r="BW1" s="396"/>
      <c r="BX1" s="396"/>
      <c r="BY1" s="396"/>
      <c r="BZ1" s="396"/>
    </row>
    <row r="2" spans="1:112" s="397" customFormat="1" ht="21.75" customHeight="1">
      <c r="B2" s="1021" t="s">
        <v>198</v>
      </c>
      <c r="C2" s="1022"/>
      <c r="D2" s="1025" t="s">
        <v>176</v>
      </c>
      <c r="E2" s="1026"/>
      <c r="F2" s="1026"/>
      <c r="G2" s="1026"/>
      <c r="H2" s="1026"/>
      <c r="I2" s="1029"/>
      <c r="J2" s="1030"/>
      <c r="K2" s="1031" t="s">
        <v>619</v>
      </c>
      <c r="L2" s="1032"/>
      <c r="M2" s="1037" t="s">
        <v>620</v>
      </c>
      <c r="N2" s="1026"/>
      <c r="O2" s="1038"/>
      <c r="P2" s="1026"/>
      <c r="Q2" s="1026"/>
      <c r="R2" s="1057"/>
      <c r="S2" s="398"/>
      <c r="T2" s="398"/>
      <c r="U2" s="399"/>
      <c r="V2" s="398"/>
      <c r="X2" s="400"/>
      <c r="Y2" s="401" t="s">
        <v>362</v>
      </c>
      <c r="Z2" s="401"/>
      <c r="AA2" s="400"/>
      <c r="AB2" s="400"/>
      <c r="AC2" s="400"/>
      <c r="AD2" s="400"/>
      <c r="AE2" s="400"/>
      <c r="AF2" s="400"/>
      <c r="AG2" s="400"/>
      <c r="AH2" s="400"/>
      <c r="AI2" s="402"/>
      <c r="AJ2" s="402"/>
      <c r="AK2" s="402"/>
      <c r="AL2" s="402"/>
      <c r="AM2" s="402"/>
      <c r="AO2" s="400"/>
      <c r="AP2" s="402" t="s">
        <v>363</v>
      </c>
      <c r="AQ2" s="401"/>
      <c r="AR2" s="403"/>
      <c r="AS2" s="403"/>
      <c r="AT2" s="403"/>
      <c r="AU2" s="403"/>
      <c r="AV2" s="403"/>
      <c r="AW2" s="403"/>
      <c r="AX2" s="403"/>
      <c r="AY2" s="404"/>
      <c r="AZ2" s="404"/>
      <c r="BA2" s="404"/>
      <c r="BB2" s="404"/>
      <c r="BC2" s="1069" t="s">
        <v>364</v>
      </c>
      <c r="BD2" s="1070"/>
      <c r="BE2" s="1070"/>
      <c r="BF2" s="1070"/>
      <c r="BG2" s="1070"/>
      <c r="BH2" s="1070"/>
      <c r="BI2" s="1070"/>
      <c r="BJ2" s="1070"/>
      <c r="BK2" s="1070"/>
      <c r="BL2" s="1070"/>
      <c r="BM2" s="1070"/>
      <c r="BN2" s="1070"/>
      <c r="BO2" s="1070"/>
      <c r="BP2" s="1070"/>
      <c r="BQ2" s="1070"/>
      <c r="BR2" s="1070"/>
      <c r="BS2" s="1070"/>
      <c r="BT2" s="1070"/>
      <c r="BU2" s="1070"/>
      <c r="BV2" s="1071"/>
      <c r="BW2" s="404"/>
      <c r="BX2" s="404"/>
      <c r="BY2" s="404"/>
      <c r="BZ2" s="404"/>
    </row>
    <row r="3" spans="1:112" s="397" customFormat="1" ht="7.5" customHeight="1">
      <c r="B3" s="1023"/>
      <c r="C3" s="1024"/>
      <c r="D3" s="1027"/>
      <c r="E3" s="1028"/>
      <c r="F3" s="1028"/>
      <c r="G3" s="1028"/>
      <c r="H3" s="1028"/>
      <c r="I3" s="1029"/>
      <c r="J3" s="1030"/>
      <c r="K3" s="1033"/>
      <c r="L3" s="1034"/>
      <c r="M3" s="1039"/>
      <c r="N3" s="1028"/>
      <c r="O3" s="1040"/>
      <c r="P3" s="1028"/>
      <c r="Q3" s="1028"/>
      <c r="R3" s="1058"/>
      <c r="S3" s="398"/>
      <c r="T3" s="398"/>
      <c r="U3" s="398"/>
      <c r="V3" s="398"/>
      <c r="W3" s="398"/>
      <c r="X3" s="398"/>
      <c r="Y3" s="398"/>
      <c r="Z3" s="398"/>
      <c r="AA3" s="398"/>
      <c r="AB3" s="398"/>
      <c r="AC3" s="398"/>
      <c r="AD3" s="398"/>
      <c r="AE3" s="398"/>
      <c r="AF3" s="398"/>
      <c r="AG3" s="398"/>
      <c r="AH3" s="398"/>
      <c r="AI3" s="398"/>
      <c r="AJ3" s="398"/>
      <c r="AK3" s="398"/>
      <c r="AL3" s="398"/>
      <c r="AM3" s="398"/>
      <c r="AN3" s="398"/>
      <c r="AO3" s="398"/>
      <c r="AP3" s="398"/>
      <c r="AQ3" s="405"/>
      <c r="AR3" s="405"/>
      <c r="AS3" s="405"/>
      <c r="AT3" s="405"/>
      <c r="AU3" s="405"/>
      <c r="AV3" s="405"/>
      <c r="AW3" s="405"/>
      <c r="AX3" s="405"/>
      <c r="AY3" s="405"/>
      <c r="AZ3" s="405"/>
      <c r="BA3" s="405"/>
      <c r="BB3" s="405"/>
      <c r="BC3" s="1072"/>
      <c r="BD3" s="1073"/>
      <c r="BE3" s="1073"/>
      <c r="BF3" s="1073"/>
      <c r="BG3" s="1073"/>
      <c r="BH3" s="1073"/>
      <c r="BI3" s="1073"/>
      <c r="BJ3" s="1073"/>
      <c r="BK3" s="1073"/>
      <c r="BL3" s="1073"/>
      <c r="BM3" s="1073"/>
      <c r="BN3" s="1073"/>
      <c r="BO3" s="1073"/>
      <c r="BP3" s="1073"/>
      <c r="BQ3" s="1073"/>
      <c r="BR3" s="1073"/>
      <c r="BS3" s="1073"/>
      <c r="BT3" s="1073"/>
      <c r="BU3" s="1073"/>
      <c r="BV3" s="1074"/>
      <c r="BW3" s="405"/>
      <c r="BX3" s="405"/>
      <c r="BY3" s="405"/>
      <c r="BZ3" s="405"/>
    </row>
    <row r="4" spans="1:112" s="397" customFormat="1" ht="9.75" customHeight="1">
      <c r="B4" s="406">
        <v>1</v>
      </c>
      <c r="C4" s="407">
        <v>2</v>
      </c>
      <c r="D4" s="408">
        <v>3</v>
      </c>
      <c r="E4" s="409"/>
      <c r="F4" s="409"/>
      <c r="G4" s="409"/>
      <c r="H4" s="409">
        <v>7</v>
      </c>
      <c r="I4" s="1029"/>
      <c r="J4" s="1030"/>
      <c r="K4" s="1033"/>
      <c r="L4" s="1034"/>
      <c r="M4" s="1041"/>
      <c r="N4" s="1042"/>
      <c r="O4" s="1043"/>
      <c r="P4" s="1042"/>
      <c r="Q4" s="1042"/>
      <c r="R4" s="1059"/>
      <c r="S4" s="398"/>
      <c r="T4" s="398"/>
      <c r="U4" s="398"/>
      <c r="V4" s="398"/>
      <c r="W4" s="398"/>
      <c r="X4" s="398"/>
      <c r="Y4" s="398"/>
      <c r="Z4" s="398"/>
      <c r="AA4" s="398"/>
      <c r="AB4" s="398"/>
      <c r="AC4" s="398"/>
      <c r="AD4" s="398"/>
      <c r="AE4" s="398"/>
      <c r="AF4" s="398"/>
      <c r="AG4" s="398"/>
      <c r="AH4" s="398"/>
      <c r="AI4" s="398"/>
      <c r="AJ4" s="398"/>
      <c r="AK4" s="398"/>
      <c r="AL4" s="398"/>
      <c r="AM4" s="398"/>
      <c r="AN4" s="398"/>
      <c r="AO4" s="398"/>
      <c r="AP4" s="398"/>
      <c r="AQ4" s="405"/>
      <c r="AR4" s="405"/>
      <c r="AS4" s="405"/>
      <c r="AT4" s="405"/>
      <c r="AU4" s="405"/>
      <c r="AV4" s="405"/>
      <c r="AW4" s="405"/>
      <c r="AX4" s="405"/>
      <c r="AY4" s="405"/>
      <c r="AZ4" s="405"/>
      <c r="BA4" s="405"/>
      <c r="BB4" s="405"/>
      <c r="BC4" s="1075" t="s">
        <v>417</v>
      </c>
      <c r="BD4" s="1076"/>
      <c r="BE4" s="1076"/>
      <c r="BF4" s="1076"/>
      <c r="BG4" s="1076"/>
      <c r="BH4" s="1076"/>
      <c r="BI4" s="1076"/>
      <c r="BJ4" s="1076"/>
      <c r="BK4" s="1076"/>
      <c r="BL4" s="1076"/>
      <c r="BM4" s="1076"/>
      <c r="BN4" s="1076"/>
      <c r="BO4" s="1076"/>
      <c r="BP4" s="1076"/>
      <c r="BQ4" s="1076"/>
      <c r="BR4" s="1076"/>
      <c r="BS4" s="1076"/>
      <c r="BT4" s="1076"/>
      <c r="BU4" s="1076"/>
      <c r="BV4" s="1077"/>
      <c r="BW4" s="405"/>
      <c r="BX4" s="405"/>
      <c r="BY4" s="405"/>
      <c r="BZ4" s="405"/>
    </row>
    <row r="5" spans="1:112" s="397" customFormat="1" ht="19.5" customHeight="1">
      <c r="B5" s="1044" t="s">
        <v>199</v>
      </c>
      <c r="C5" s="1046" t="s">
        <v>199</v>
      </c>
      <c r="D5" s="1048" t="s">
        <v>177</v>
      </c>
      <c r="E5" s="1050"/>
      <c r="F5" s="1050"/>
      <c r="G5" s="1050"/>
      <c r="H5" s="1052"/>
      <c r="I5" s="1029"/>
      <c r="J5" s="1060"/>
      <c r="K5" s="1033"/>
      <c r="L5" s="1034"/>
      <c r="M5" s="1061" t="s">
        <v>383</v>
      </c>
      <c r="N5" s="1062"/>
      <c r="O5" s="1063"/>
      <c r="P5" s="1062"/>
      <c r="Q5" s="1062"/>
      <c r="R5" s="1067"/>
      <c r="S5" s="410"/>
      <c r="T5" s="410"/>
      <c r="U5" s="410"/>
      <c r="V5" s="410"/>
      <c r="W5" s="410"/>
      <c r="X5" s="410"/>
      <c r="Y5" s="410"/>
      <c r="Z5" s="410"/>
      <c r="AA5" s="410"/>
      <c r="AB5" s="410"/>
      <c r="AC5" s="410"/>
      <c r="AD5" s="410"/>
      <c r="AE5" s="410"/>
      <c r="AF5" s="410"/>
      <c r="AG5" s="410"/>
      <c r="AH5" s="410"/>
      <c r="AI5" s="410"/>
      <c r="AJ5" s="410"/>
      <c r="AK5" s="410"/>
      <c r="AL5" s="410"/>
      <c r="AM5" s="410"/>
      <c r="AN5" s="410"/>
      <c r="AO5" s="410"/>
      <c r="AP5" s="410"/>
      <c r="AQ5" s="405"/>
      <c r="AR5" s="405"/>
      <c r="AS5" s="405"/>
      <c r="AT5" s="405"/>
      <c r="AU5" s="405"/>
      <c r="AV5" s="405"/>
      <c r="AW5" s="405"/>
      <c r="AX5" s="405"/>
      <c r="AY5" s="405"/>
      <c r="AZ5" s="405"/>
      <c r="BA5" s="405"/>
      <c r="BB5" s="405"/>
      <c r="BC5" s="1078"/>
      <c r="BD5" s="1079"/>
      <c r="BE5" s="1079"/>
      <c r="BF5" s="1079"/>
      <c r="BG5" s="1079"/>
      <c r="BH5" s="1079"/>
      <c r="BI5" s="1079"/>
      <c r="BJ5" s="1079"/>
      <c r="BK5" s="1079"/>
      <c r="BL5" s="1079"/>
      <c r="BM5" s="1079"/>
      <c r="BN5" s="1079"/>
      <c r="BO5" s="1079"/>
      <c r="BP5" s="1079"/>
      <c r="BQ5" s="1079"/>
      <c r="BR5" s="1079"/>
      <c r="BS5" s="1079"/>
      <c r="BT5" s="1079"/>
      <c r="BU5" s="1079"/>
      <c r="BV5" s="1080"/>
      <c r="BW5" s="405"/>
      <c r="BX5" s="405"/>
      <c r="BY5" s="405"/>
      <c r="BZ5" s="405"/>
    </row>
    <row r="6" spans="1:112" s="397" customFormat="1" ht="19.5" customHeight="1" thickBot="1">
      <c r="B6" s="1045"/>
      <c r="C6" s="1047"/>
      <c r="D6" s="1049"/>
      <c r="E6" s="1051"/>
      <c r="F6" s="1051"/>
      <c r="G6" s="1051"/>
      <c r="H6" s="1053"/>
      <c r="I6" s="1029"/>
      <c r="J6" s="1060"/>
      <c r="K6" s="1035"/>
      <c r="L6" s="1036"/>
      <c r="M6" s="1064"/>
      <c r="N6" s="1065"/>
      <c r="O6" s="1066"/>
      <c r="P6" s="1065"/>
      <c r="Q6" s="1065"/>
      <c r="R6" s="1068"/>
      <c r="S6" s="410"/>
      <c r="T6" s="410"/>
      <c r="U6" s="410"/>
      <c r="V6" s="410"/>
      <c r="W6" s="410"/>
      <c r="X6" s="410"/>
      <c r="Y6" s="410"/>
      <c r="Z6" s="410"/>
      <c r="AA6" s="410"/>
      <c r="AB6" s="410"/>
      <c r="AC6" s="410"/>
      <c r="AD6" s="410"/>
      <c r="AE6" s="410"/>
      <c r="AF6" s="410"/>
      <c r="AG6" s="410"/>
      <c r="AH6" s="410"/>
      <c r="AI6" s="410"/>
      <c r="AJ6" s="410"/>
      <c r="AK6" s="410"/>
      <c r="AL6" s="410"/>
      <c r="AM6" s="410"/>
      <c r="AN6" s="410"/>
      <c r="AO6" s="410"/>
      <c r="AP6" s="410"/>
      <c r="AQ6" s="405"/>
      <c r="AR6" s="405"/>
      <c r="AS6" s="405"/>
      <c r="AT6" s="405"/>
      <c r="AU6" s="405"/>
      <c r="AV6" s="405"/>
      <c r="AW6" s="405"/>
      <c r="AX6" s="405"/>
      <c r="AY6" s="405"/>
      <c r="AZ6" s="405"/>
      <c r="BA6" s="405"/>
      <c r="BB6" s="405"/>
      <c r="BC6" s="1081"/>
      <c r="BD6" s="1082"/>
      <c r="BE6" s="1082"/>
      <c r="BF6" s="1082"/>
      <c r="BG6" s="1082"/>
      <c r="BH6" s="1082"/>
      <c r="BI6" s="1082"/>
      <c r="BJ6" s="1082"/>
      <c r="BK6" s="1082"/>
      <c r="BL6" s="1082"/>
      <c r="BM6" s="1082"/>
      <c r="BN6" s="1082"/>
      <c r="BO6" s="1082"/>
      <c r="BP6" s="1082"/>
      <c r="BQ6" s="1082"/>
      <c r="BR6" s="1082"/>
      <c r="BS6" s="1082"/>
      <c r="BT6" s="1082"/>
      <c r="BU6" s="1082"/>
      <c r="BV6" s="1083"/>
      <c r="BW6" s="405"/>
      <c r="BX6" s="405"/>
      <c r="BY6" s="405"/>
      <c r="BZ6" s="405"/>
    </row>
    <row r="7" spans="1:112" s="412" customFormat="1" ht="20.25" customHeight="1">
      <c r="A7" s="1087"/>
      <c r="B7" s="1087"/>
      <c r="C7" s="1087"/>
      <c r="D7" s="1087"/>
      <c r="E7" s="1087"/>
      <c r="F7" s="1087"/>
      <c r="G7" s="1087"/>
      <c r="H7" s="1087"/>
      <c r="I7" s="1087"/>
      <c r="J7" s="1087"/>
      <c r="K7" s="1087"/>
      <c r="L7" s="1087"/>
      <c r="M7" s="1087"/>
      <c r="N7" s="1087"/>
      <c r="O7" s="1087"/>
      <c r="P7" s="1087"/>
      <c r="Q7" s="1087"/>
      <c r="R7" s="1087"/>
      <c r="S7" s="1087"/>
      <c r="T7" s="1087"/>
      <c r="U7" s="1087"/>
      <c r="V7" s="1087"/>
      <c r="W7" s="1087"/>
      <c r="X7" s="1087"/>
      <c r="Y7" s="1087"/>
      <c r="Z7" s="1087"/>
      <c r="AA7" s="1087"/>
      <c r="AB7" s="1087"/>
      <c r="AC7" s="1087"/>
      <c r="AD7" s="1087"/>
      <c r="AE7" s="1087"/>
      <c r="AF7" s="1087"/>
      <c r="AG7" s="1087"/>
      <c r="AH7" s="1087"/>
      <c r="AI7" s="1087"/>
      <c r="AJ7" s="1087"/>
      <c r="AK7" s="1087"/>
      <c r="AL7" s="1087"/>
      <c r="AM7" s="1087"/>
      <c r="AN7" s="1087"/>
      <c r="AO7" s="1087"/>
      <c r="AP7" s="1087"/>
      <c r="AQ7" s="1087"/>
      <c r="AR7" s="1087"/>
      <c r="AS7" s="1087"/>
      <c r="AT7" s="1087"/>
      <c r="AU7" s="1087"/>
      <c r="AV7" s="1087"/>
      <c r="AW7" s="1087"/>
      <c r="AX7" s="1087"/>
      <c r="AY7" s="1087"/>
      <c r="AZ7" s="1087"/>
      <c r="BA7" s="1087"/>
      <c r="BB7" s="1087"/>
      <c r="BC7" s="1087"/>
      <c r="BD7" s="1087"/>
      <c r="BE7" s="1087"/>
      <c r="BF7" s="1087"/>
      <c r="BG7" s="1087"/>
      <c r="BH7" s="1087"/>
      <c r="BI7" s="1087"/>
      <c r="BJ7" s="1087"/>
      <c r="BK7" s="1087"/>
      <c r="BL7" s="1087"/>
      <c r="BM7" s="1087"/>
      <c r="BN7" s="1087"/>
      <c r="BO7" s="1087"/>
      <c r="BP7" s="1087"/>
      <c r="BQ7" s="1087"/>
      <c r="BR7" s="1087"/>
      <c r="BS7" s="1087"/>
      <c r="BT7" s="1087"/>
      <c r="BU7" s="1087"/>
      <c r="BV7" s="1087"/>
      <c r="BW7" s="1087"/>
      <c r="BX7" s="1087"/>
      <c r="BY7" s="1087"/>
      <c r="BZ7" s="411"/>
    </row>
    <row r="8" spans="1:112" s="412" customFormat="1" ht="20.25" customHeight="1" thickBot="1">
      <c r="A8" s="411"/>
      <c r="B8" s="413" t="s">
        <v>403</v>
      </c>
      <c r="C8" s="414"/>
      <c r="D8" s="414"/>
      <c r="E8" s="414"/>
      <c r="F8" s="414"/>
      <c r="G8" s="414"/>
      <c r="H8" s="414"/>
      <c r="I8" s="414"/>
      <c r="J8" s="414"/>
      <c r="K8" s="414"/>
      <c r="L8" s="414"/>
      <c r="M8" s="414"/>
      <c r="N8" s="414"/>
      <c r="O8" s="414"/>
      <c r="P8" s="414"/>
      <c r="Q8" s="414"/>
      <c r="R8" s="414"/>
      <c r="S8" s="414"/>
      <c r="T8" s="414"/>
      <c r="U8" s="414"/>
      <c r="V8" s="414"/>
      <c r="W8" s="414"/>
      <c r="X8" s="414"/>
      <c r="Y8" s="414"/>
      <c r="Z8" s="414"/>
      <c r="AA8" s="414"/>
      <c r="AB8" s="414"/>
      <c r="AC8" s="1088" t="s">
        <v>365</v>
      </c>
      <c r="AD8" s="1089"/>
      <c r="AE8" s="1089"/>
      <c r="AF8" s="1090"/>
      <c r="AG8" s="411"/>
      <c r="AH8" s="411"/>
      <c r="AI8" s="411"/>
      <c r="AJ8" s="411"/>
      <c r="AL8" s="411"/>
      <c r="AM8" s="411"/>
      <c r="AN8" s="411"/>
      <c r="AQ8" s="565" t="s">
        <v>415</v>
      </c>
      <c r="AR8" s="566"/>
      <c r="AS8" s="566"/>
      <c r="AT8" s="566"/>
      <c r="AU8" s="566"/>
      <c r="AV8" s="566"/>
      <c r="AW8" s="566"/>
      <c r="AX8" s="566"/>
      <c r="AY8" s="566"/>
      <c r="AZ8" s="566"/>
      <c r="BA8" s="566"/>
      <c r="BB8" s="566"/>
      <c r="BC8" s="566"/>
      <c r="BD8" s="566"/>
      <c r="BE8" s="566"/>
      <c r="BF8" s="566"/>
      <c r="BG8" s="566"/>
      <c r="BH8" s="566"/>
      <c r="BI8" s="566"/>
      <c r="BJ8" s="566"/>
      <c r="BK8" s="566"/>
      <c r="BL8" s="566"/>
      <c r="BM8" s="566"/>
      <c r="BN8" s="566"/>
      <c r="BO8" s="566"/>
      <c r="BP8" s="566"/>
      <c r="BQ8" s="566"/>
      <c r="BR8" s="566"/>
      <c r="BS8" s="566"/>
      <c r="BT8" s="566"/>
      <c r="BU8" s="566"/>
      <c r="BV8" s="1091" t="s">
        <v>365</v>
      </c>
      <c r="BW8" s="1092"/>
      <c r="BX8" s="1092"/>
      <c r="BY8" s="1093"/>
      <c r="BZ8" s="415"/>
      <c r="CA8" s="416"/>
      <c r="CB8" s="417"/>
      <c r="CC8" s="417"/>
      <c r="CD8" s="417"/>
      <c r="CE8" s="417"/>
      <c r="CF8" s="417"/>
      <c r="CG8" s="417"/>
      <c r="CH8" s="417"/>
      <c r="CI8" s="417"/>
      <c r="CJ8" s="417"/>
      <c r="CK8" s="417"/>
      <c r="CL8" s="417"/>
      <c r="CM8" s="417"/>
      <c r="CN8" s="417"/>
      <c r="CO8" s="417"/>
      <c r="CP8" s="417"/>
      <c r="CQ8" s="417"/>
      <c r="CR8" s="417"/>
      <c r="CS8" s="417"/>
      <c r="CT8" s="417"/>
      <c r="CU8" s="417"/>
      <c r="CV8" s="417"/>
      <c r="CW8" s="417"/>
      <c r="CX8" s="417"/>
      <c r="CY8" s="417"/>
      <c r="CZ8" s="417"/>
      <c r="DA8" s="417"/>
      <c r="DB8" s="417"/>
      <c r="DC8" s="417"/>
      <c r="DD8" s="417"/>
      <c r="DE8" s="410"/>
      <c r="DF8" s="410"/>
      <c r="DG8" s="410"/>
      <c r="DH8" s="410"/>
    </row>
    <row r="9" spans="1:112" s="412" customFormat="1" ht="20.25" customHeight="1" thickBot="1">
      <c r="A9" s="411"/>
      <c r="B9" s="418" t="s">
        <v>366</v>
      </c>
      <c r="C9" s="414"/>
      <c r="D9" s="419"/>
      <c r="E9" s="419"/>
      <c r="F9" s="419"/>
      <c r="G9" s="419"/>
      <c r="H9" s="419"/>
      <c r="I9" s="420"/>
      <c r="J9" s="420"/>
      <c r="K9" s="420"/>
      <c r="L9" s="421"/>
      <c r="M9" s="422" t="s">
        <v>367</v>
      </c>
      <c r="N9" s="419"/>
      <c r="O9" s="419"/>
      <c r="P9" s="419"/>
      <c r="Q9" s="419"/>
      <c r="R9" s="419"/>
      <c r="S9" s="419"/>
      <c r="T9" s="419"/>
      <c r="U9" s="419"/>
      <c r="V9" s="419"/>
      <c r="W9" s="419"/>
      <c r="X9" s="419"/>
      <c r="Y9" s="419"/>
      <c r="Z9" s="419"/>
      <c r="AA9" s="419"/>
      <c r="AB9" s="423"/>
      <c r="AC9" s="1094"/>
      <c r="AD9" s="1095"/>
      <c r="AE9" s="1095"/>
      <c r="AF9" s="1096"/>
      <c r="AG9" s="424"/>
      <c r="AH9" s="424"/>
      <c r="AI9" s="425"/>
      <c r="AJ9" s="425"/>
      <c r="AL9" s="425"/>
      <c r="AM9" s="425"/>
      <c r="AN9" s="425"/>
      <c r="AQ9" s="567" t="s">
        <v>416</v>
      </c>
      <c r="AR9" s="568"/>
      <c r="AS9" s="568"/>
      <c r="AT9" s="568"/>
      <c r="AU9" s="568"/>
      <c r="AV9" s="568"/>
      <c r="AW9" s="568"/>
      <c r="AX9" s="568"/>
      <c r="AY9" s="568"/>
      <c r="AZ9" s="568"/>
      <c r="BA9" s="568"/>
      <c r="BB9" s="568"/>
      <c r="BC9" s="568"/>
      <c r="BD9" s="568"/>
      <c r="BE9" s="568"/>
      <c r="BF9" s="568"/>
      <c r="BG9" s="568"/>
      <c r="BH9" s="568"/>
      <c r="BI9" s="568"/>
      <c r="BJ9" s="568"/>
      <c r="BK9" s="568"/>
      <c r="BL9" s="568"/>
      <c r="BM9" s="568"/>
      <c r="BN9" s="568"/>
      <c r="BO9" s="568"/>
      <c r="BP9" s="568"/>
      <c r="BQ9" s="569"/>
      <c r="BR9" s="1100" t="s">
        <v>389</v>
      </c>
      <c r="BS9" s="1100"/>
      <c r="BT9" s="1100"/>
      <c r="BU9" s="1101"/>
      <c r="BV9" s="1084" t="s">
        <v>472</v>
      </c>
      <c r="BW9" s="1085"/>
      <c r="BX9" s="1085"/>
      <c r="BY9" s="1086"/>
      <c r="BZ9" s="411"/>
      <c r="CA9" s="417"/>
      <c r="CB9" s="417"/>
      <c r="CC9" s="417"/>
      <c r="CD9" s="417"/>
      <c r="CE9" s="417"/>
      <c r="CF9" s="417"/>
      <c r="CG9" s="417"/>
      <c r="CH9" s="417"/>
      <c r="CI9" s="417"/>
      <c r="CJ9" s="416"/>
      <c r="CK9" s="417"/>
      <c r="CL9" s="417"/>
      <c r="CM9" s="417"/>
      <c r="CN9" s="417"/>
      <c r="CO9" s="417"/>
      <c r="CP9" s="417"/>
      <c r="CQ9" s="417"/>
      <c r="CR9" s="417"/>
      <c r="CS9" s="417"/>
      <c r="CT9" s="417"/>
      <c r="CU9" s="417"/>
      <c r="CV9" s="417"/>
      <c r="CW9" s="417"/>
      <c r="CX9" s="417"/>
      <c r="CY9" s="417"/>
      <c r="CZ9" s="417"/>
      <c r="DA9" s="417"/>
      <c r="DB9" s="417"/>
      <c r="DC9" s="417"/>
      <c r="DD9" s="417"/>
      <c r="DE9" s="410"/>
      <c r="DF9" s="410"/>
      <c r="DG9" s="410"/>
      <c r="DH9" s="410"/>
    </row>
    <row r="10" spans="1:112" s="412" customFormat="1" ht="20.25" customHeight="1" thickBot="1">
      <c r="A10" s="411"/>
      <c r="B10" s="426" t="s">
        <v>368</v>
      </c>
      <c r="C10" s="415"/>
      <c r="D10" s="417"/>
      <c r="E10" s="417"/>
      <c r="F10" s="417"/>
      <c r="G10" s="417"/>
      <c r="H10" s="417"/>
      <c r="I10" s="416"/>
      <c r="J10" s="416"/>
      <c r="K10" s="416"/>
      <c r="L10" s="427"/>
      <c r="M10" s="422" t="s">
        <v>369</v>
      </c>
      <c r="N10" s="419"/>
      <c r="O10" s="419"/>
      <c r="P10" s="419"/>
      <c r="Q10" s="419"/>
      <c r="R10" s="419"/>
      <c r="S10" s="419"/>
      <c r="T10" s="419"/>
      <c r="U10" s="419"/>
      <c r="V10" s="419"/>
      <c r="W10" s="419"/>
      <c r="X10" s="419"/>
      <c r="Y10" s="419"/>
      <c r="Z10" s="419"/>
      <c r="AA10" s="419"/>
      <c r="AB10" s="417"/>
      <c r="AC10" s="1094" t="s">
        <v>472</v>
      </c>
      <c r="AD10" s="1095"/>
      <c r="AE10" s="1095"/>
      <c r="AF10" s="1096"/>
      <c r="AG10" s="424"/>
      <c r="AH10" s="424"/>
      <c r="AI10" s="425"/>
      <c r="AJ10" s="425"/>
      <c r="AL10" s="425"/>
      <c r="AM10" s="425"/>
      <c r="AN10" s="425"/>
      <c r="AQ10" s="570" t="s">
        <v>444</v>
      </c>
      <c r="AR10" s="571"/>
      <c r="AS10" s="571"/>
      <c r="AT10" s="571"/>
      <c r="AU10" s="571"/>
      <c r="AV10" s="571"/>
      <c r="AW10" s="571"/>
      <c r="AX10" s="571"/>
      <c r="AY10" s="571"/>
      <c r="AZ10" s="571"/>
      <c r="BA10" s="571"/>
      <c r="BB10" s="571"/>
      <c r="BC10" s="571"/>
      <c r="BD10" s="571"/>
      <c r="BE10" s="571"/>
      <c r="BF10" s="571"/>
      <c r="BG10" s="571"/>
      <c r="BH10" s="571"/>
      <c r="BI10" s="571"/>
      <c r="BJ10" s="571"/>
      <c r="BK10" s="571"/>
      <c r="BL10" s="571"/>
      <c r="BM10" s="571"/>
      <c r="BN10" s="571"/>
      <c r="BO10" s="571"/>
      <c r="BP10" s="571"/>
      <c r="BQ10" s="571"/>
      <c r="BR10" s="1100" t="s">
        <v>405</v>
      </c>
      <c r="BS10" s="1100"/>
      <c r="BT10" s="1100"/>
      <c r="BU10" s="1101"/>
      <c r="BV10" s="1084"/>
      <c r="BW10" s="1085"/>
      <c r="BX10" s="1085"/>
      <c r="BY10" s="1086"/>
      <c r="BZ10" s="411"/>
      <c r="CA10" s="417"/>
      <c r="CB10" s="417"/>
      <c r="CC10" s="417"/>
      <c r="CD10" s="417"/>
      <c r="CE10" s="417"/>
      <c r="CF10" s="417"/>
      <c r="CG10" s="417"/>
      <c r="CH10" s="417"/>
      <c r="CI10" s="417"/>
      <c r="CJ10" s="416"/>
      <c r="CK10" s="417"/>
      <c r="CL10" s="417"/>
      <c r="CM10" s="417"/>
      <c r="CN10" s="417"/>
      <c r="CO10" s="417"/>
      <c r="CP10" s="417"/>
      <c r="CQ10" s="417"/>
      <c r="CR10" s="417"/>
      <c r="CS10" s="417"/>
      <c r="CT10" s="417"/>
      <c r="CU10" s="417"/>
      <c r="CV10" s="417"/>
      <c r="CW10" s="417"/>
      <c r="CX10" s="417"/>
      <c r="CY10" s="417"/>
      <c r="CZ10" s="417"/>
      <c r="DA10" s="417"/>
      <c r="DB10" s="417"/>
      <c r="DC10" s="417"/>
      <c r="DD10" s="417"/>
      <c r="DE10" s="417"/>
      <c r="DF10" s="417"/>
      <c r="DG10" s="417"/>
      <c r="DH10" s="417"/>
    </row>
    <row r="11" spans="1:112" s="412" customFormat="1" ht="20.25" customHeight="1">
      <c r="A11" s="411"/>
      <c r="B11" s="426" t="s">
        <v>442</v>
      </c>
      <c r="C11" s="415"/>
      <c r="D11" s="417"/>
      <c r="E11" s="417"/>
      <c r="F11" s="417"/>
      <c r="G11" s="417"/>
      <c r="H11" s="417"/>
      <c r="I11" s="416"/>
      <c r="J11" s="416"/>
      <c r="K11" s="416"/>
      <c r="L11" s="427"/>
      <c r="M11" s="429"/>
      <c r="N11" s="417"/>
      <c r="O11" s="430" t="s">
        <v>370</v>
      </c>
      <c r="P11" s="431"/>
      <c r="Q11" s="431"/>
      <c r="R11" s="431"/>
      <c r="S11" s="431"/>
      <c r="T11" s="431"/>
      <c r="U11" s="431"/>
      <c r="V11" s="431"/>
      <c r="W11" s="431"/>
      <c r="X11" s="431"/>
      <c r="Y11" s="431"/>
      <c r="Z11" s="431"/>
      <c r="AA11" s="431"/>
      <c r="AB11" s="432"/>
      <c r="AC11" s="1097"/>
      <c r="AD11" s="1098"/>
      <c r="AE11" s="1098"/>
      <c r="AF11" s="1099"/>
      <c r="AG11" s="424"/>
      <c r="AH11" s="424"/>
      <c r="AI11" s="425"/>
      <c r="AJ11" s="425"/>
      <c r="AL11" s="425"/>
      <c r="AM11" s="425"/>
      <c r="AN11" s="425"/>
      <c r="AQ11" s="572"/>
      <c r="AR11" s="572"/>
      <c r="AS11" s="572"/>
      <c r="AT11" s="572"/>
      <c r="AU11" s="572"/>
      <c r="AV11" s="572"/>
      <c r="AW11" s="572"/>
      <c r="AX11" s="572"/>
      <c r="AY11" s="572"/>
      <c r="AZ11" s="572"/>
      <c r="BA11" s="572"/>
      <c r="BB11" s="572"/>
      <c r="BC11" s="572"/>
      <c r="BD11" s="572"/>
      <c r="BE11" s="572"/>
      <c r="BF11" s="572"/>
      <c r="BG11" s="572"/>
      <c r="BH11" s="572"/>
      <c r="BI11" s="572"/>
      <c r="BJ11" s="572"/>
      <c r="BK11" s="572"/>
      <c r="BL11" s="572"/>
      <c r="BM11" s="572"/>
      <c r="BN11" s="572"/>
      <c r="BO11" s="572"/>
      <c r="BP11" s="572"/>
      <c r="BQ11" s="572"/>
      <c r="BR11" s="572"/>
      <c r="BS11" s="572"/>
      <c r="BT11" s="572"/>
      <c r="BU11" s="572"/>
      <c r="BV11" s="572"/>
      <c r="BW11" s="572"/>
      <c r="BX11" s="572"/>
      <c r="BY11" s="572"/>
      <c r="BZ11" s="411"/>
      <c r="CA11" s="417"/>
      <c r="CB11" s="417"/>
      <c r="CC11" s="417"/>
      <c r="CD11" s="417"/>
      <c r="CE11" s="417"/>
      <c r="CF11" s="417"/>
      <c r="CG11" s="417"/>
      <c r="CH11" s="417"/>
      <c r="CI11" s="417"/>
      <c r="CJ11" s="417"/>
      <c r="CK11" s="417"/>
      <c r="CL11" s="417"/>
      <c r="CM11" s="417"/>
      <c r="CN11" s="417"/>
      <c r="CO11" s="417"/>
      <c r="CP11" s="417"/>
      <c r="CQ11" s="417"/>
      <c r="CR11" s="417"/>
      <c r="CS11" s="417"/>
      <c r="CT11" s="417"/>
      <c r="CU11" s="417"/>
      <c r="CV11" s="417"/>
      <c r="CW11" s="417"/>
      <c r="CX11" s="417"/>
      <c r="CY11" s="417"/>
      <c r="CZ11" s="417"/>
      <c r="DA11" s="417"/>
      <c r="DB11" s="417"/>
      <c r="DC11" s="417"/>
      <c r="DD11" s="417"/>
      <c r="DE11" s="433"/>
      <c r="DF11" s="433"/>
      <c r="DG11" s="433"/>
      <c r="DH11" s="434"/>
    </row>
    <row r="12" spans="1:112" s="412" customFormat="1" ht="20.25" customHeight="1">
      <c r="A12" s="411"/>
      <c r="B12" s="426" t="s">
        <v>443</v>
      </c>
      <c r="C12" s="415"/>
      <c r="D12" s="417"/>
      <c r="E12" s="417"/>
      <c r="F12" s="417"/>
      <c r="G12" s="417"/>
      <c r="H12" s="417"/>
      <c r="I12" s="416"/>
      <c r="J12" s="416"/>
      <c r="K12" s="416"/>
      <c r="L12" s="427"/>
      <c r="M12" s="429"/>
      <c r="N12" s="417"/>
      <c r="O12" s="435" t="s">
        <v>371</v>
      </c>
      <c r="P12" s="436"/>
      <c r="Q12" s="436"/>
      <c r="R12" s="436"/>
      <c r="S12" s="436"/>
      <c r="T12" s="436"/>
      <c r="U12" s="436"/>
      <c r="V12" s="436"/>
      <c r="W12" s="436"/>
      <c r="X12" s="436"/>
      <c r="Y12" s="436"/>
      <c r="Z12" s="436"/>
      <c r="AA12" s="436"/>
      <c r="AB12" s="437"/>
      <c r="AC12" s="1011" t="s">
        <v>398</v>
      </c>
      <c r="AD12" s="1012"/>
      <c r="AE12" s="1012"/>
      <c r="AF12" s="1013"/>
      <c r="AG12" s="424"/>
      <c r="AH12" s="424"/>
      <c r="AI12" s="425"/>
      <c r="AJ12" s="425"/>
      <c r="AL12" s="425"/>
      <c r="AM12" s="425"/>
      <c r="AN12" s="425"/>
      <c r="AQ12" s="572"/>
      <c r="AR12" s="572"/>
      <c r="AS12" s="572"/>
      <c r="AT12" s="572"/>
      <c r="AU12" s="572"/>
      <c r="AV12" s="572"/>
      <c r="AW12" s="572"/>
      <c r="AX12" s="572"/>
      <c r="AY12" s="572"/>
      <c r="AZ12" s="572"/>
      <c r="BA12" s="572"/>
      <c r="BB12" s="572"/>
      <c r="BC12" s="572"/>
      <c r="BD12" s="572"/>
      <c r="BE12" s="572"/>
      <c r="BF12" s="572"/>
      <c r="BG12" s="572"/>
      <c r="BH12" s="572"/>
      <c r="BI12" s="572"/>
      <c r="BJ12" s="572"/>
      <c r="BK12" s="572"/>
      <c r="BL12" s="572"/>
      <c r="BM12" s="572"/>
      <c r="BN12" s="572"/>
      <c r="BO12" s="572"/>
      <c r="BP12" s="572"/>
      <c r="BQ12" s="572"/>
      <c r="BR12" s="572"/>
      <c r="BS12" s="572"/>
      <c r="BT12" s="572"/>
      <c r="BU12" s="572"/>
      <c r="BV12" s="572"/>
      <c r="BW12" s="572"/>
      <c r="BX12" s="572"/>
      <c r="BY12" s="572"/>
      <c r="BZ12" s="411"/>
      <c r="CA12" s="424"/>
      <c r="CB12" s="424"/>
      <c r="CC12" s="424"/>
      <c r="CD12" s="424"/>
      <c r="CE12" s="424"/>
      <c r="CF12" s="424"/>
      <c r="CG12" s="424"/>
      <c r="CH12" s="424"/>
      <c r="CI12" s="424"/>
      <c r="CJ12" s="424"/>
      <c r="CK12" s="424"/>
      <c r="CL12" s="424"/>
      <c r="CM12" s="424"/>
      <c r="CN12" s="424"/>
      <c r="CO12" s="424"/>
      <c r="CP12" s="424"/>
      <c r="CQ12" s="424"/>
      <c r="CR12" s="424"/>
      <c r="CS12" s="424"/>
      <c r="CT12" s="424"/>
      <c r="CU12" s="424"/>
      <c r="CV12" s="424"/>
      <c r="CW12" s="424"/>
      <c r="CX12" s="424"/>
      <c r="CY12" s="424"/>
      <c r="CZ12" s="424"/>
      <c r="DA12" s="424"/>
      <c r="DB12" s="424"/>
      <c r="DC12" s="424"/>
      <c r="DD12" s="424"/>
      <c r="DE12" s="424"/>
      <c r="DF12" s="424"/>
      <c r="DG12" s="424"/>
      <c r="DH12" s="424"/>
    </row>
    <row r="13" spans="1:112" s="412" customFormat="1" ht="20.25" customHeight="1" thickBot="1">
      <c r="A13" s="411"/>
      <c r="B13" s="426"/>
      <c r="C13" s="415"/>
      <c r="D13" s="417"/>
      <c r="E13" s="417"/>
      <c r="F13" s="417"/>
      <c r="G13" s="417"/>
      <c r="H13" s="417"/>
      <c r="I13" s="416"/>
      <c r="J13" s="416"/>
      <c r="K13" s="416"/>
      <c r="L13" s="427"/>
      <c r="M13" s="429"/>
      <c r="N13" s="417"/>
      <c r="O13" s="435" t="s">
        <v>372</v>
      </c>
      <c r="P13" s="436"/>
      <c r="Q13" s="436"/>
      <c r="R13" s="436"/>
      <c r="S13" s="436"/>
      <c r="T13" s="436"/>
      <c r="U13" s="436"/>
      <c r="V13" s="436"/>
      <c r="W13" s="436"/>
      <c r="X13" s="436"/>
      <c r="Y13" s="436"/>
      <c r="Z13" s="436"/>
      <c r="AA13" s="436"/>
      <c r="AB13" s="437"/>
      <c r="AC13" s="1054"/>
      <c r="AD13" s="1055"/>
      <c r="AE13" s="1055"/>
      <c r="AF13" s="1056"/>
      <c r="AG13" s="424"/>
      <c r="AH13" s="424"/>
      <c r="AI13" s="425"/>
      <c r="AJ13" s="425"/>
      <c r="AL13" s="425"/>
      <c r="AM13" s="425"/>
      <c r="AN13" s="425"/>
      <c r="AQ13" s="573" t="s">
        <v>621</v>
      </c>
      <c r="AR13" s="569"/>
      <c r="AS13" s="569"/>
      <c r="AT13" s="569"/>
      <c r="AU13" s="569"/>
      <c r="AV13" s="569"/>
      <c r="AW13" s="569"/>
      <c r="AX13" s="569"/>
      <c r="AY13" s="569"/>
      <c r="AZ13" s="569"/>
      <c r="BA13" s="569"/>
      <c r="BB13" s="569"/>
      <c r="BC13" s="569"/>
      <c r="BD13" s="569"/>
      <c r="BE13" s="569"/>
      <c r="BF13" s="569"/>
      <c r="BG13" s="569"/>
      <c r="BH13" s="569"/>
      <c r="BI13" s="569"/>
      <c r="BJ13" s="569"/>
      <c r="BK13" s="569"/>
      <c r="BL13" s="569"/>
      <c r="BM13" s="569"/>
      <c r="BN13" s="569"/>
      <c r="BO13" s="569"/>
      <c r="BP13" s="569"/>
      <c r="BQ13" s="566"/>
      <c r="BR13" s="574"/>
      <c r="BS13" s="574"/>
      <c r="BT13" s="574"/>
      <c r="BU13" s="575"/>
      <c r="BV13" s="1091" t="s">
        <v>365</v>
      </c>
      <c r="BW13" s="1092"/>
      <c r="BX13" s="1092"/>
      <c r="BY13" s="1093"/>
      <c r="BZ13" s="411"/>
    </row>
    <row r="14" spans="1:112" s="412" customFormat="1" ht="20.25" customHeight="1" thickBot="1">
      <c r="A14" s="411"/>
      <c r="B14" s="426"/>
      <c r="C14" s="415"/>
      <c r="D14" s="417"/>
      <c r="E14" s="417"/>
      <c r="F14" s="417"/>
      <c r="G14" s="417"/>
      <c r="H14" s="417"/>
      <c r="I14" s="416"/>
      <c r="J14" s="416"/>
      <c r="K14" s="416"/>
      <c r="L14" s="427"/>
      <c r="M14" s="429"/>
      <c r="N14" s="417"/>
      <c r="O14" s="435" t="s">
        <v>373</v>
      </c>
      <c r="P14" s="436"/>
      <c r="Q14" s="436"/>
      <c r="R14" s="436"/>
      <c r="S14" s="436"/>
      <c r="T14" s="436"/>
      <c r="U14" s="436"/>
      <c r="V14" s="436"/>
      <c r="W14" s="436"/>
      <c r="X14" s="436"/>
      <c r="Y14" s="436"/>
      <c r="Z14" s="436"/>
      <c r="AA14" s="436"/>
      <c r="AB14" s="437"/>
      <c r="AC14" s="1054"/>
      <c r="AD14" s="1055"/>
      <c r="AE14" s="1055"/>
      <c r="AF14" s="1056"/>
      <c r="AG14" s="424"/>
      <c r="AH14" s="424"/>
      <c r="AI14" s="425"/>
      <c r="AJ14" s="425"/>
      <c r="AL14" s="425"/>
      <c r="AM14" s="425"/>
      <c r="AN14" s="425"/>
      <c r="AQ14" s="576" t="s">
        <v>366</v>
      </c>
      <c r="AR14" s="569"/>
      <c r="AS14" s="569"/>
      <c r="AT14" s="569"/>
      <c r="AU14" s="569"/>
      <c r="AV14" s="569"/>
      <c r="AW14" s="569"/>
      <c r="AX14" s="577"/>
      <c r="AY14" s="577"/>
      <c r="AZ14" s="578"/>
      <c r="BA14" s="573" t="s">
        <v>367</v>
      </c>
      <c r="BB14" s="569"/>
      <c r="BC14" s="569"/>
      <c r="BD14" s="569"/>
      <c r="BE14" s="574"/>
      <c r="BF14" s="569"/>
      <c r="BG14" s="569"/>
      <c r="BH14" s="569"/>
      <c r="BI14" s="569"/>
      <c r="BJ14" s="569"/>
      <c r="BK14" s="569"/>
      <c r="BL14" s="569"/>
      <c r="BM14" s="569"/>
      <c r="BN14" s="569"/>
      <c r="BO14" s="569"/>
      <c r="BP14" s="569"/>
      <c r="BQ14" s="571"/>
      <c r="BR14" s="574"/>
      <c r="BS14" s="574"/>
      <c r="BT14" s="574"/>
      <c r="BU14" s="579"/>
      <c r="BV14" s="1084"/>
      <c r="BW14" s="1085"/>
      <c r="BX14" s="1085"/>
      <c r="BY14" s="1086"/>
      <c r="BZ14" s="411"/>
    </row>
    <row r="15" spans="1:112" s="412" customFormat="1" ht="20.25" customHeight="1" thickBot="1">
      <c r="A15" s="411"/>
      <c r="B15" s="438"/>
      <c r="C15" s="439"/>
      <c r="D15" s="440"/>
      <c r="E15" s="440"/>
      <c r="F15" s="440"/>
      <c r="G15" s="440"/>
      <c r="H15" s="440"/>
      <c r="I15" s="441"/>
      <c r="J15" s="441"/>
      <c r="K15" s="441"/>
      <c r="L15" s="442"/>
      <c r="M15" s="443"/>
      <c r="N15" s="440"/>
      <c r="O15" s="444" t="s">
        <v>374</v>
      </c>
      <c r="P15" s="445"/>
      <c r="Q15" s="445"/>
      <c r="R15" s="445"/>
      <c r="S15" s="445"/>
      <c r="T15" s="445"/>
      <c r="U15" s="445"/>
      <c r="V15" s="445"/>
      <c r="W15" s="445"/>
      <c r="X15" s="445"/>
      <c r="Y15" s="445"/>
      <c r="Z15" s="445"/>
      <c r="AA15" s="445"/>
      <c r="AB15" s="446"/>
      <c r="AC15" s="1102"/>
      <c r="AD15" s="1103"/>
      <c r="AE15" s="1103"/>
      <c r="AF15" s="1104"/>
      <c r="AG15" s="424"/>
      <c r="AH15" s="424"/>
      <c r="AI15" s="425"/>
      <c r="AJ15" s="425"/>
      <c r="AL15" s="425"/>
      <c r="AM15" s="425"/>
      <c r="AN15" s="425"/>
      <c r="AQ15" s="567" t="s">
        <v>368</v>
      </c>
      <c r="AR15" s="568"/>
      <c r="AS15" s="568"/>
      <c r="AT15" s="568"/>
      <c r="AU15" s="568"/>
      <c r="AV15" s="568"/>
      <c r="AW15" s="568"/>
      <c r="AX15" s="580"/>
      <c r="AY15" s="580"/>
      <c r="AZ15" s="581"/>
      <c r="BA15" s="573" t="s">
        <v>369</v>
      </c>
      <c r="BB15" s="569"/>
      <c r="BC15" s="569"/>
      <c r="BD15" s="569"/>
      <c r="BE15" s="577"/>
      <c r="BF15" s="569"/>
      <c r="BG15" s="569"/>
      <c r="BH15" s="569"/>
      <c r="BI15" s="569"/>
      <c r="BJ15" s="569"/>
      <c r="BK15" s="569"/>
      <c r="BL15" s="569"/>
      <c r="BM15" s="569"/>
      <c r="BN15" s="569"/>
      <c r="BO15" s="569"/>
      <c r="BP15" s="569"/>
      <c r="BQ15" s="568"/>
      <c r="BR15" s="582"/>
      <c r="BS15" s="582"/>
      <c r="BT15" s="582"/>
      <c r="BU15" s="582"/>
      <c r="BV15" s="1084" t="s">
        <v>472</v>
      </c>
      <c r="BW15" s="1085"/>
      <c r="BX15" s="1085"/>
      <c r="BY15" s="1086"/>
      <c r="BZ15" s="411"/>
    </row>
    <row r="16" spans="1:112" s="412" customFormat="1" ht="20.25" customHeight="1">
      <c r="AG16" s="424"/>
      <c r="AH16" s="424"/>
      <c r="AI16" s="424"/>
      <c r="AL16" s="424"/>
      <c r="AM16" s="424"/>
      <c r="AN16" s="424"/>
      <c r="AQ16" s="567" t="s">
        <v>618</v>
      </c>
      <c r="AR16" s="568"/>
      <c r="AS16" s="568"/>
      <c r="AT16" s="568"/>
      <c r="AU16" s="568"/>
      <c r="AV16" s="568"/>
      <c r="AW16" s="568"/>
      <c r="AX16" s="568"/>
      <c r="AY16" s="568"/>
      <c r="AZ16" s="581"/>
      <c r="BA16" s="567"/>
      <c r="BB16" s="568"/>
      <c r="BC16" s="576" t="s">
        <v>385</v>
      </c>
      <c r="BD16" s="569"/>
      <c r="BE16" s="577"/>
      <c r="BF16" s="569"/>
      <c r="BG16" s="569"/>
      <c r="BH16" s="569"/>
      <c r="BI16" s="569"/>
      <c r="BJ16" s="569"/>
      <c r="BK16" s="569"/>
      <c r="BL16" s="583" t="s">
        <v>386</v>
      </c>
      <c r="BM16" s="584"/>
      <c r="BN16" s="584"/>
      <c r="BO16" s="584"/>
      <c r="BP16" s="584"/>
      <c r="BQ16" s="584"/>
      <c r="BR16" s="585"/>
      <c r="BS16" s="585"/>
      <c r="BT16" s="585"/>
      <c r="BU16" s="586"/>
      <c r="BV16" s="993" t="s">
        <v>472</v>
      </c>
      <c r="BW16" s="1006"/>
      <c r="BX16" s="1006"/>
      <c r="BY16" s="1007"/>
      <c r="BZ16" s="411"/>
    </row>
    <row r="17" spans="1:112" s="412" customFormat="1" ht="20.25" customHeight="1" thickBot="1">
      <c r="A17" s="411"/>
      <c r="B17" s="448" t="s">
        <v>404</v>
      </c>
      <c r="C17" s="449"/>
      <c r="D17" s="449"/>
      <c r="E17" s="449"/>
      <c r="F17" s="449"/>
      <c r="G17" s="449"/>
      <c r="H17" s="449"/>
      <c r="I17" s="449"/>
      <c r="J17" s="449"/>
      <c r="K17" s="449"/>
      <c r="L17" s="449"/>
      <c r="M17" s="449"/>
      <c r="N17" s="449"/>
      <c r="O17" s="449"/>
      <c r="P17" s="449"/>
      <c r="Q17" s="449"/>
      <c r="R17" s="449"/>
      <c r="S17" s="449"/>
      <c r="T17" s="449"/>
      <c r="U17" s="449"/>
      <c r="V17" s="449"/>
      <c r="W17" s="449"/>
      <c r="X17" s="449"/>
      <c r="Y17" s="449"/>
      <c r="Z17" s="449"/>
      <c r="AA17" s="449"/>
      <c r="AB17" s="419"/>
      <c r="AC17" s="997" t="s">
        <v>365</v>
      </c>
      <c r="AD17" s="998"/>
      <c r="AE17" s="998"/>
      <c r="AF17" s="999"/>
      <c r="AG17" s="424"/>
      <c r="AH17" s="424"/>
      <c r="AI17" s="424"/>
      <c r="AL17" s="424"/>
      <c r="AM17" s="424"/>
      <c r="AN17" s="424"/>
      <c r="AQ17" s="567" t="s">
        <v>622</v>
      </c>
      <c r="AR17" s="568"/>
      <c r="AS17" s="568"/>
      <c r="AT17" s="568"/>
      <c r="AU17" s="568"/>
      <c r="AV17" s="568"/>
      <c r="AW17" s="568"/>
      <c r="AX17" s="568"/>
      <c r="AY17" s="568"/>
      <c r="AZ17" s="581"/>
      <c r="BA17" s="567"/>
      <c r="BB17" s="568"/>
      <c r="BC17" s="570"/>
      <c r="BD17" s="571"/>
      <c r="BE17" s="582"/>
      <c r="BF17" s="571"/>
      <c r="BG17" s="571"/>
      <c r="BH17" s="571"/>
      <c r="BI17" s="571"/>
      <c r="BJ17" s="571"/>
      <c r="BK17" s="571"/>
      <c r="BL17" s="587" t="s">
        <v>387</v>
      </c>
      <c r="BM17" s="588"/>
      <c r="BN17" s="588"/>
      <c r="BO17" s="588"/>
      <c r="BP17" s="588"/>
      <c r="BQ17" s="589"/>
      <c r="BR17" s="590"/>
      <c r="BS17" s="590"/>
      <c r="BT17" s="590"/>
      <c r="BU17" s="591"/>
      <c r="BV17" s="1008"/>
      <c r="BW17" s="1009"/>
      <c r="BX17" s="1009"/>
      <c r="BY17" s="1010"/>
      <c r="BZ17" s="411"/>
    </row>
    <row r="18" spans="1:112" s="412" customFormat="1" ht="20.25" customHeight="1" thickBot="1">
      <c r="A18" s="411"/>
      <c r="B18" s="429" t="s">
        <v>771</v>
      </c>
      <c r="C18" s="417"/>
      <c r="D18" s="417"/>
      <c r="E18" s="417"/>
      <c r="F18" s="417"/>
      <c r="G18" s="417"/>
      <c r="H18" s="417"/>
      <c r="I18" s="417"/>
      <c r="J18" s="417"/>
      <c r="K18" s="417"/>
      <c r="L18" s="417"/>
      <c r="M18" s="417"/>
      <c r="N18" s="417"/>
      <c r="O18" s="417"/>
      <c r="P18" s="417"/>
      <c r="Q18" s="417"/>
      <c r="R18" s="448" t="s">
        <v>375</v>
      </c>
      <c r="S18" s="449"/>
      <c r="T18" s="449"/>
      <c r="U18" s="449"/>
      <c r="V18" s="449"/>
      <c r="W18" s="449"/>
      <c r="X18" s="449"/>
      <c r="Y18" s="449"/>
      <c r="Z18" s="449"/>
      <c r="AA18" s="449"/>
      <c r="AB18" s="423"/>
      <c r="AC18" s="636"/>
      <c r="AD18" s="637"/>
      <c r="AE18" s="637"/>
      <c r="AF18" s="638"/>
      <c r="AG18" s="424"/>
      <c r="AH18" s="424"/>
      <c r="AI18" s="424"/>
      <c r="AL18" s="424"/>
      <c r="AM18" s="424"/>
      <c r="AN18" s="424"/>
      <c r="AQ18" s="567"/>
      <c r="AR18" s="568"/>
      <c r="AS18" s="568"/>
      <c r="AT18" s="568"/>
      <c r="AU18" s="568"/>
      <c r="AV18" s="568"/>
      <c r="AW18" s="568"/>
      <c r="AX18" s="568"/>
      <c r="AY18" s="568"/>
      <c r="AZ18" s="581"/>
      <c r="BA18" s="567"/>
      <c r="BB18" s="568"/>
      <c r="BC18" s="576" t="s">
        <v>388</v>
      </c>
      <c r="BD18" s="569"/>
      <c r="BE18" s="577"/>
      <c r="BF18" s="569"/>
      <c r="BG18" s="569"/>
      <c r="BH18" s="569"/>
      <c r="BI18" s="569"/>
      <c r="BJ18" s="569"/>
      <c r="BK18" s="569"/>
      <c r="BL18" s="583" t="s">
        <v>389</v>
      </c>
      <c r="BM18" s="584"/>
      <c r="BN18" s="584"/>
      <c r="BO18" s="584"/>
      <c r="BP18" s="584"/>
      <c r="BQ18" s="584"/>
      <c r="BR18" s="592"/>
      <c r="BS18" s="592"/>
      <c r="BT18" s="592"/>
      <c r="BU18" s="593"/>
      <c r="BV18" s="993" t="s">
        <v>472</v>
      </c>
      <c r="BW18" s="1006"/>
      <c r="BX18" s="1006"/>
      <c r="BY18" s="1007"/>
      <c r="BZ18" s="411"/>
    </row>
    <row r="19" spans="1:112" s="412" customFormat="1" ht="20.25" customHeight="1" thickBot="1">
      <c r="A19" s="411"/>
      <c r="B19" s="429" t="s">
        <v>623</v>
      </c>
      <c r="C19" s="417"/>
      <c r="D19" s="417"/>
      <c r="E19" s="417"/>
      <c r="F19" s="417"/>
      <c r="G19" s="417"/>
      <c r="H19" s="417"/>
      <c r="I19" s="417"/>
      <c r="J19" s="417"/>
      <c r="K19" s="417"/>
      <c r="L19" s="417"/>
      <c r="M19" s="417"/>
      <c r="N19" s="417"/>
      <c r="O19" s="417"/>
      <c r="P19" s="417"/>
      <c r="Q19" s="417"/>
      <c r="R19" s="422" t="s">
        <v>376</v>
      </c>
      <c r="S19" s="419"/>
      <c r="T19" s="419"/>
      <c r="U19" s="419"/>
      <c r="V19" s="419"/>
      <c r="W19" s="419"/>
      <c r="X19" s="419"/>
      <c r="Y19" s="419"/>
      <c r="Z19" s="419"/>
      <c r="AA19" s="419"/>
      <c r="AB19" s="417"/>
      <c r="AC19" s="1094" t="s">
        <v>472</v>
      </c>
      <c r="AD19" s="1095"/>
      <c r="AE19" s="1095"/>
      <c r="AF19" s="1096"/>
      <c r="AG19" s="424"/>
      <c r="AH19" s="424"/>
      <c r="AI19" s="424"/>
      <c r="AL19" s="424"/>
      <c r="AM19" s="424"/>
      <c r="AN19" s="424"/>
      <c r="AQ19" s="567"/>
      <c r="AR19" s="568"/>
      <c r="AS19" s="568"/>
      <c r="AT19" s="568"/>
      <c r="AU19" s="568"/>
      <c r="AV19" s="568"/>
      <c r="AW19" s="568"/>
      <c r="AX19" s="568"/>
      <c r="AY19" s="568"/>
      <c r="AZ19" s="581"/>
      <c r="BA19" s="567"/>
      <c r="BB19" s="568"/>
      <c r="BC19" s="570"/>
      <c r="BD19" s="571"/>
      <c r="BE19" s="582"/>
      <c r="BF19" s="571"/>
      <c r="BG19" s="571"/>
      <c r="BH19" s="571"/>
      <c r="BI19" s="571"/>
      <c r="BJ19" s="571"/>
      <c r="BK19" s="571"/>
      <c r="BL19" s="587" t="s">
        <v>405</v>
      </c>
      <c r="BM19" s="588"/>
      <c r="BN19" s="588"/>
      <c r="BO19" s="588"/>
      <c r="BP19" s="588"/>
      <c r="BQ19" s="589"/>
      <c r="BR19" s="590"/>
      <c r="BS19" s="590"/>
      <c r="BT19" s="590"/>
      <c r="BU19" s="591"/>
      <c r="BV19" s="1008"/>
      <c r="BW19" s="1009"/>
      <c r="BX19" s="1009"/>
      <c r="BY19" s="1010"/>
      <c r="BZ19" s="411"/>
    </row>
    <row r="20" spans="1:112" s="412" customFormat="1" ht="20.25" customHeight="1">
      <c r="A20" s="411"/>
      <c r="B20" s="429" t="s">
        <v>625</v>
      </c>
      <c r="C20" s="417"/>
      <c r="D20" s="417"/>
      <c r="E20" s="417"/>
      <c r="F20" s="417"/>
      <c r="G20" s="417"/>
      <c r="H20" s="417"/>
      <c r="I20" s="417"/>
      <c r="J20" s="417"/>
      <c r="K20" s="417"/>
      <c r="L20" s="417"/>
      <c r="M20" s="417"/>
      <c r="N20" s="417"/>
      <c r="O20" s="417"/>
      <c r="P20" s="417"/>
      <c r="Q20" s="417"/>
      <c r="R20" s="429"/>
      <c r="S20" s="417"/>
      <c r="T20" s="430" t="s">
        <v>377</v>
      </c>
      <c r="U20" s="431"/>
      <c r="V20" s="431"/>
      <c r="W20" s="431"/>
      <c r="X20" s="431"/>
      <c r="Y20" s="431"/>
      <c r="Z20" s="431"/>
      <c r="AA20" s="431"/>
      <c r="AB20" s="432"/>
      <c r="AC20" s="639"/>
      <c r="AD20" s="640"/>
      <c r="AE20" s="640"/>
      <c r="AF20" s="641"/>
      <c r="AG20" s="424"/>
      <c r="AH20" s="424"/>
      <c r="AI20" s="424"/>
      <c r="AL20" s="424"/>
      <c r="AM20" s="424"/>
      <c r="AN20" s="424"/>
      <c r="AQ20" s="567"/>
      <c r="AR20" s="568"/>
      <c r="AS20" s="568"/>
      <c r="AT20" s="568"/>
      <c r="AU20" s="568"/>
      <c r="AV20" s="568"/>
      <c r="AW20" s="568"/>
      <c r="AX20" s="568"/>
      <c r="AY20" s="568"/>
      <c r="AZ20" s="581"/>
      <c r="BA20" s="567"/>
      <c r="BB20" s="568"/>
      <c r="BC20" s="576" t="s">
        <v>390</v>
      </c>
      <c r="BD20" s="569"/>
      <c r="BE20" s="577"/>
      <c r="BF20" s="569"/>
      <c r="BG20" s="569"/>
      <c r="BH20" s="569"/>
      <c r="BI20" s="569"/>
      <c r="BJ20" s="569"/>
      <c r="BK20" s="569"/>
      <c r="BL20" s="583" t="s">
        <v>391</v>
      </c>
      <c r="BM20" s="584"/>
      <c r="BN20" s="584"/>
      <c r="BO20" s="584"/>
      <c r="BP20" s="584"/>
      <c r="BQ20" s="584"/>
      <c r="BR20" s="592"/>
      <c r="BS20" s="592"/>
      <c r="BT20" s="592"/>
      <c r="BU20" s="593"/>
      <c r="BV20" s="993" t="s">
        <v>472</v>
      </c>
      <c r="BW20" s="1006"/>
      <c r="BX20" s="1006"/>
      <c r="BY20" s="1007"/>
      <c r="BZ20" s="411"/>
    </row>
    <row r="21" spans="1:112" s="412" customFormat="1" ht="20.25" customHeight="1">
      <c r="A21" s="411"/>
      <c r="B21" s="429"/>
      <c r="C21" s="417"/>
      <c r="D21" s="417"/>
      <c r="E21" s="417"/>
      <c r="F21" s="417"/>
      <c r="G21" s="417"/>
      <c r="H21" s="417"/>
      <c r="I21" s="417"/>
      <c r="J21" s="417"/>
      <c r="K21" s="417"/>
      <c r="L21" s="417"/>
      <c r="M21" s="417"/>
      <c r="N21" s="417"/>
      <c r="O21" s="417"/>
      <c r="P21" s="417"/>
      <c r="Q21" s="417"/>
      <c r="R21" s="429"/>
      <c r="S21" s="417"/>
      <c r="T21" s="435" t="s">
        <v>378</v>
      </c>
      <c r="U21" s="436"/>
      <c r="V21" s="436"/>
      <c r="W21" s="436"/>
      <c r="X21" s="436"/>
      <c r="Y21" s="436"/>
      <c r="Z21" s="436"/>
      <c r="AA21" s="436"/>
      <c r="AB21" s="437"/>
      <c r="AC21" s="630"/>
      <c r="AD21" s="631"/>
      <c r="AE21" s="631"/>
      <c r="AF21" s="632"/>
      <c r="AG21" s="424"/>
      <c r="AH21" s="424"/>
      <c r="AI21" s="424"/>
      <c r="AL21" s="424"/>
      <c r="AM21" s="424"/>
      <c r="AN21" s="424"/>
      <c r="AQ21" s="567"/>
      <c r="AR21" s="568"/>
      <c r="AS21" s="568"/>
      <c r="AT21" s="568"/>
      <c r="AU21" s="568"/>
      <c r="AV21" s="568"/>
      <c r="AW21" s="568"/>
      <c r="AX21" s="568"/>
      <c r="AY21" s="568"/>
      <c r="AZ21" s="581"/>
      <c r="BA21" s="567"/>
      <c r="BB21" s="568"/>
      <c r="BC21" s="567"/>
      <c r="BD21" s="568"/>
      <c r="BE21" s="580"/>
      <c r="BF21" s="568"/>
      <c r="BG21" s="568"/>
      <c r="BH21" s="568"/>
      <c r="BI21" s="568"/>
      <c r="BJ21" s="568"/>
      <c r="BK21" s="568"/>
      <c r="BL21" s="594" t="s">
        <v>392</v>
      </c>
      <c r="BM21" s="589"/>
      <c r="BN21" s="589"/>
      <c r="BO21" s="589"/>
      <c r="BP21" s="589"/>
      <c r="BQ21" s="589"/>
      <c r="BR21" s="595"/>
      <c r="BS21" s="595"/>
      <c r="BT21" s="595"/>
      <c r="BU21" s="596"/>
      <c r="BV21" s="1011"/>
      <c r="BW21" s="1012"/>
      <c r="BX21" s="1012"/>
      <c r="BY21" s="1013"/>
      <c r="BZ21" s="411"/>
    </row>
    <row r="22" spans="1:112" s="412" customFormat="1" ht="20.25" customHeight="1" thickBot="1">
      <c r="A22" s="411"/>
      <c r="B22" s="429"/>
      <c r="C22" s="417"/>
      <c r="D22" s="417"/>
      <c r="E22" s="417"/>
      <c r="F22" s="417"/>
      <c r="G22" s="417"/>
      <c r="H22" s="417"/>
      <c r="I22" s="417"/>
      <c r="J22" s="417"/>
      <c r="K22" s="417"/>
      <c r="L22" s="417"/>
      <c r="M22" s="417"/>
      <c r="N22" s="417"/>
      <c r="O22" s="417"/>
      <c r="P22" s="417"/>
      <c r="Q22" s="417"/>
      <c r="R22" s="429"/>
      <c r="S22" s="417"/>
      <c r="T22" s="435" t="s">
        <v>379</v>
      </c>
      <c r="U22" s="436"/>
      <c r="V22" s="436"/>
      <c r="W22" s="436"/>
      <c r="X22" s="436"/>
      <c r="Y22" s="436"/>
      <c r="Z22" s="436"/>
      <c r="AA22" s="436"/>
      <c r="AB22" s="463"/>
      <c r="AC22" s="630"/>
      <c r="AD22" s="631"/>
      <c r="AE22" s="631"/>
      <c r="AF22" s="632"/>
      <c r="AG22" s="424"/>
      <c r="AH22" s="424"/>
      <c r="AI22" s="424"/>
      <c r="AL22" s="424"/>
      <c r="AM22" s="424"/>
      <c r="AN22" s="424"/>
      <c r="AQ22" s="567"/>
      <c r="AR22" s="568"/>
      <c r="AS22" s="568"/>
      <c r="AT22" s="568"/>
      <c r="AU22" s="568"/>
      <c r="AV22" s="568"/>
      <c r="AW22" s="568"/>
      <c r="AX22" s="568"/>
      <c r="AY22" s="568"/>
      <c r="AZ22" s="581"/>
      <c r="BA22" s="567"/>
      <c r="BB22" s="568"/>
      <c r="BC22" s="570"/>
      <c r="BD22" s="571"/>
      <c r="BE22" s="582"/>
      <c r="BF22" s="571"/>
      <c r="BG22" s="571"/>
      <c r="BH22" s="571"/>
      <c r="BI22" s="571"/>
      <c r="BJ22" s="571"/>
      <c r="BK22" s="571"/>
      <c r="BL22" s="587" t="s">
        <v>393</v>
      </c>
      <c r="BM22" s="588"/>
      <c r="BN22" s="588"/>
      <c r="BO22" s="588"/>
      <c r="BP22" s="588"/>
      <c r="BQ22" s="571"/>
      <c r="BR22" s="582"/>
      <c r="BS22" s="582"/>
      <c r="BT22" s="582"/>
      <c r="BU22" s="597"/>
      <c r="BV22" s="1008"/>
      <c r="BW22" s="1009"/>
      <c r="BX22" s="1009"/>
      <c r="BY22" s="1010"/>
      <c r="BZ22" s="411"/>
      <c r="CB22" s="447"/>
    </row>
    <row r="23" spans="1:112" s="412" customFormat="1" ht="20.25" customHeight="1">
      <c r="A23" s="411"/>
      <c r="B23" s="429"/>
      <c r="C23" s="417"/>
      <c r="D23" s="417"/>
      <c r="E23" s="417"/>
      <c r="F23" s="417"/>
      <c r="G23" s="417"/>
      <c r="H23" s="417"/>
      <c r="I23" s="417"/>
      <c r="J23" s="417"/>
      <c r="K23" s="417"/>
      <c r="L23" s="417"/>
      <c r="M23" s="417"/>
      <c r="N23" s="417"/>
      <c r="O23" s="417"/>
      <c r="P23" s="417"/>
      <c r="Q23" s="417"/>
      <c r="R23" s="429"/>
      <c r="S23" s="417"/>
      <c r="T23" s="435" t="s">
        <v>381</v>
      </c>
      <c r="U23" s="436"/>
      <c r="V23" s="436"/>
      <c r="W23" s="436"/>
      <c r="X23" s="436"/>
      <c r="Y23" s="436"/>
      <c r="Z23" s="436"/>
      <c r="AA23" s="436"/>
      <c r="AB23" s="437"/>
      <c r="AC23" s="630"/>
      <c r="AD23" s="631"/>
      <c r="AE23" s="631"/>
      <c r="AF23" s="632"/>
      <c r="AG23" s="424"/>
      <c r="AH23" s="424"/>
      <c r="AI23" s="424"/>
      <c r="AL23" s="424"/>
      <c r="AM23" s="424"/>
      <c r="AN23" s="424"/>
      <c r="AQ23" s="567"/>
      <c r="AR23" s="568"/>
      <c r="AS23" s="568"/>
      <c r="AT23" s="568"/>
      <c r="AU23" s="568"/>
      <c r="AV23" s="568"/>
      <c r="AW23" s="568"/>
      <c r="AX23" s="568"/>
      <c r="AY23" s="568"/>
      <c r="AZ23" s="581"/>
      <c r="BA23" s="567"/>
      <c r="BB23" s="568"/>
      <c r="BC23" s="567" t="s">
        <v>394</v>
      </c>
      <c r="BD23" s="568"/>
      <c r="BE23" s="598"/>
      <c r="BF23" s="568"/>
      <c r="BG23" s="568"/>
      <c r="BH23" s="568"/>
      <c r="BI23" s="568"/>
      <c r="BJ23" s="568"/>
      <c r="BK23" s="568"/>
      <c r="BL23" s="568"/>
      <c r="BM23" s="568"/>
      <c r="BN23" s="568"/>
      <c r="BO23" s="568"/>
      <c r="BP23" s="568"/>
      <c r="BQ23" s="599"/>
      <c r="BR23" s="580"/>
      <c r="BS23" s="580"/>
      <c r="BT23" s="580"/>
      <c r="BU23" s="580"/>
      <c r="BV23" s="1014">
        <v>50</v>
      </c>
      <c r="BW23" s="1015"/>
      <c r="BX23" s="1015"/>
      <c r="BY23" s="600" t="s">
        <v>380</v>
      </c>
      <c r="BZ23" s="411"/>
      <c r="CA23" s="425"/>
      <c r="CB23" s="425"/>
      <c r="CC23" s="424"/>
      <c r="CD23" s="424"/>
      <c r="CE23" s="424"/>
      <c r="CF23" s="424"/>
      <c r="CG23" s="424"/>
      <c r="CH23" s="424"/>
      <c r="CI23" s="424"/>
      <c r="CJ23" s="424"/>
      <c r="CK23" s="424"/>
      <c r="CL23" s="424"/>
      <c r="CM23" s="424"/>
      <c r="CN23" s="424"/>
      <c r="CO23" s="424"/>
      <c r="CP23" s="424"/>
      <c r="CQ23" s="424"/>
      <c r="CR23" s="424"/>
      <c r="CS23" s="424"/>
      <c r="CT23" s="424"/>
      <c r="CU23" s="424"/>
      <c r="CV23" s="424"/>
      <c r="CW23" s="424"/>
      <c r="CX23" s="424"/>
      <c r="CY23" s="424"/>
      <c r="CZ23" s="424"/>
      <c r="DA23" s="424"/>
      <c r="DB23" s="424"/>
      <c r="DC23" s="424"/>
      <c r="DD23" s="424"/>
      <c r="DE23" s="424"/>
      <c r="DF23" s="424"/>
      <c r="DG23" s="424"/>
      <c r="DH23" s="424"/>
    </row>
    <row r="24" spans="1:112" s="412" customFormat="1" ht="20.25" customHeight="1" thickBot="1">
      <c r="A24" s="411"/>
      <c r="B24" s="429"/>
      <c r="C24" s="417"/>
      <c r="D24" s="417"/>
      <c r="E24" s="417"/>
      <c r="F24" s="417"/>
      <c r="G24" s="417"/>
      <c r="H24" s="417"/>
      <c r="I24" s="417"/>
      <c r="J24" s="417"/>
      <c r="K24" s="417"/>
      <c r="L24" s="417"/>
      <c r="M24" s="417"/>
      <c r="N24" s="417"/>
      <c r="O24" s="417"/>
      <c r="P24" s="417"/>
      <c r="Q24" s="417"/>
      <c r="R24" s="429"/>
      <c r="S24" s="417"/>
      <c r="T24" s="435" t="s">
        <v>382</v>
      </c>
      <c r="U24" s="436"/>
      <c r="V24" s="436"/>
      <c r="W24" s="436"/>
      <c r="X24" s="436"/>
      <c r="Y24" s="436"/>
      <c r="Z24" s="436"/>
      <c r="AA24" s="436"/>
      <c r="AB24" s="437"/>
      <c r="AC24" s="630"/>
      <c r="AD24" s="631"/>
      <c r="AE24" s="631"/>
      <c r="AF24" s="632"/>
      <c r="AG24" s="424"/>
      <c r="AH24" s="424"/>
      <c r="AI24" s="424"/>
      <c r="AL24" s="424"/>
      <c r="AM24" s="424"/>
      <c r="AN24" s="424"/>
      <c r="AQ24" s="570"/>
      <c r="AR24" s="571"/>
      <c r="AS24" s="571"/>
      <c r="AT24" s="571"/>
      <c r="AU24" s="571"/>
      <c r="AV24" s="571"/>
      <c r="AW24" s="571"/>
      <c r="AX24" s="571"/>
      <c r="AY24" s="571"/>
      <c r="AZ24" s="601"/>
      <c r="BA24" s="570"/>
      <c r="BB24" s="602"/>
      <c r="BC24" s="566" t="s">
        <v>628</v>
      </c>
      <c r="BD24" s="566"/>
      <c r="BE24" s="574"/>
      <c r="BF24" s="566"/>
      <c r="BG24" s="566"/>
      <c r="BH24" s="566"/>
      <c r="BI24" s="566"/>
      <c r="BJ24" s="566"/>
      <c r="BK24" s="566"/>
      <c r="BL24" s="566"/>
      <c r="BM24" s="566"/>
      <c r="BN24" s="566"/>
      <c r="BO24" s="566"/>
      <c r="BP24" s="566"/>
      <c r="BQ24" s="603"/>
      <c r="BR24" s="574"/>
      <c r="BS24" s="574"/>
      <c r="BT24" s="574"/>
      <c r="BU24" s="574"/>
      <c r="BV24" s="1016">
        <v>300</v>
      </c>
      <c r="BW24" s="1017"/>
      <c r="BX24" s="1017"/>
      <c r="BY24" s="604" t="s">
        <v>624</v>
      </c>
      <c r="BZ24" s="411"/>
    </row>
    <row r="25" spans="1:112" s="412" customFormat="1" ht="20.25" customHeight="1">
      <c r="A25" s="411"/>
      <c r="B25" s="429"/>
      <c r="C25" s="417"/>
      <c r="D25" s="417"/>
      <c r="E25" s="417"/>
      <c r="F25" s="417"/>
      <c r="G25" s="417"/>
      <c r="H25" s="417"/>
      <c r="I25" s="417"/>
      <c r="J25" s="417"/>
      <c r="K25" s="417"/>
      <c r="L25" s="417"/>
      <c r="M25" s="417"/>
      <c r="N25" s="417"/>
      <c r="O25" s="417"/>
      <c r="P25" s="417"/>
      <c r="Q25" s="417"/>
      <c r="R25" s="429"/>
      <c r="S25" s="417"/>
      <c r="T25" s="464" t="s">
        <v>406</v>
      </c>
      <c r="U25" s="465"/>
      <c r="V25" s="465"/>
      <c r="W25" s="465"/>
      <c r="X25" s="465"/>
      <c r="Y25" s="465"/>
      <c r="Z25" s="465"/>
      <c r="AA25" s="465"/>
      <c r="AB25" s="437"/>
      <c r="AC25" s="633"/>
      <c r="AD25" s="634"/>
      <c r="AE25" s="634"/>
      <c r="AF25" s="635"/>
      <c r="AG25" s="424"/>
      <c r="AH25" s="424"/>
      <c r="AI25" s="424"/>
      <c r="AL25" s="424"/>
      <c r="AM25" s="424"/>
      <c r="AN25" s="424"/>
      <c r="AQ25" s="605" t="s">
        <v>395</v>
      </c>
      <c r="AR25" s="605"/>
      <c r="AS25" s="605"/>
      <c r="AT25" s="605" t="s">
        <v>396</v>
      </c>
      <c r="AU25" s="605"/>
      <c r="AV25" s="605"/>
      <c r="AW25" s="605"/>
      <c r="AX25" s="605"/>
      <c r="AY25" s="605"/>
      <c r="AZ25" s="605"/>
      <c r="BA25" s="605"/>
      <c r="BB25" s="605"/>
      <c r="BC25" s="605"/>
      <c r="BD25" s="605"/>
      <c r="BE25" s="568"/>
      <c r="BF25" s="605"/>
      <c r="BG25" s="605"/>
      <c r="BH25" s="605"/>
      <c r="BI25" s="605"/>
      <c r="BJ25" s="605"/>
      <c r="BK25" s="605"/>
      <c r="BL25" s="605"/>
      <c r="BM25" s="605"/>
      <c r="BN25" s="605"/>
      <c r="BO25" s="605"/>
      <c r="BP25" s="605"/>
      <c r="BQ25" s="605"/>
      <c r="BR25" s="605"/>
      <c r="BS25" s="605"/>
      <c r="BT25" s="605"/>
      <c r="BU25" s="605"/>
      <c r="BV25" s="598"/>
      <c r="BW25" s="605"/>
      <c r="BX25" s="605"/>
      <c r="BY25" s="605"/>
      <c r="BZ25" s="411"/>
    </row>
    <row r="26" spans="1:112" s="412" customFormat="1" ht="20.25" customHeight="1">
      <c r="A26" s="411"/>
      <c r="B26" s="429"/>
      <c r="C26" s="417"/>
      <c r="D26" s="417"/>
      <c r="E26" s="417"/>
      <c r="F26" s="417"/>
      <c r="G26" s="417"/>
      <c r="H26" s="417"/>
      <c r="I26" s="417"/>
      <c r="J26" s="417"/>
      <c r="K26" s="417"/>
      <c r="L26" s="417"/>
      <c r="M26" s="417"/>
      <c r="N26" s="417"/>
      <c r="O26" s="417"/>
      <c r="P26" s="417"/>
      <c r="Q26" s="417"/>
      <c r="R26" s="429"/>
      <c r="S26" s="417"/>
      <c r="T26" s="464" t="s">
        <v>407</v>
      </c>
      <c r="U26" s="465"/>
      <c r="V26" s="465"/>
      <c r="W26" s="465"/>
      <c r="X26" s="465"/>
      <c r="Y26" s="465"/>
      <c r="Z26" s="465"/>
      <c r="AA26" s="465"/>
      <c r="AB26" s="437"/>
      <c r="AC26" s="1011" t="s">
        <v>398</v>
      </c>
      <c r="AD26" s="1012"/>
      <c r="AE26" s="1012"/>
      <c r="AF26" s="1013"/>
      <c r="AG26" s="424"/>
      <c r="AH26" s="424"/>
      <c r="AI26" s="424"/>
      <c r="AL26" s="424"/>
      <c r="AM26" s="424"/>
      <c r="AN26" s="424"/>
      <c r="AQ26" s="605"/>
      <c r="AR26" s="605"/>
      <c r="AS26" s="605"/>
      <c r="AT26" s="605" t="s">
        <v>408</v>
      </c>
      <c r="AU26" s="605"/>
      <c r="AV26" s="605"/>
      <c r="AW26" s="605"/>
      <c r="AX26" s="605"/>
      <c r="AY26" s="605"/>
      <c r="AZ26" s="605"/>
      <c r="BA26" s="605"/>
      <c r="BB26" s="605"/>
      <c r="BC26" s="605"/>
      <c r="BD26" s="605"/>
      <c r="BE26" s="605"/>
      <c r="BF26" s="605"/>
      <c r="BG26" s="605"/>
      <c r="BH26" s="605"/>
      <c r="BI26" s="605"/>
      <c r="BJ26" s="605"/>
      <c r="BK26" s="605"/>
      <c r="BL26" s="605"/>
      <c r="BM26" s="605"/>
      <c r="BN26" s="605"/>
      <c r="BO26" s="605"/>
      <c r="BP26" s="605"/>
      <c r="BQ26" s="605"/>
      <c r="BR26" s="605"/>
      <c r="BS26" s="605"/>
      <c r="BT26" s="605"/>
      <c r="BU26" s="605"/>
      <c r="BV26" s="598"/>
      <c r="BW26" s="605"/>
      <c r="BX26" s="605"/>
      <c r="BY26" s="605"/>
      <c r="BZ26" s="411"/>
    </row>
    <row r="27" spans="1:112" s="412" customFormat="1" ht="20.25" customHeight="1" thickBot="1">
      <c r="A27" s="411"/>
      <c r="B27" s="429"/>
      <c r="C27" s="417"/>
      <c r="D27" s="417"/>
      <c r="E27" s="417"/>
      <c r="F27" s="417"/>
      <c r="G27" s="417"/>
      <c r="H27" s="417"/>
      <c r="I27" s="417"/>
      <c r="J27" s="417"/>
      <c r="K27" s="417"/>
      <c r="L27" s="417"/>
      <c r="M27" s="417"/>
      <c r="N27" s="417"/>
      <c r="O27" s="417"/>
      <c r="P27" s="417"/>
      <c r="Q27" s="417"/>
      <c r="R27" s="443"/>
      <c r="S27" s="440"/>
      <c r="T27" s="444" t="s">
        <v>383</v>
      </c>
      <c r="U27" s="445"/>
      <c r="V27" s="445"/>
      <c r="W27" s="445"/>
      <c r="X27" s="445"/>
      <c r="Y27" s="445"/>
      <c r="Z27" s="445"/>
      <c r="AA27" s="445"/>
      <c r="AB27" s="437"/>
      <c r="AC27" s="642"/>
      <c r="AD27" s="643"/>
      <c r="AE27" s="643"/>
      <c r="AF27" s="644"/>
      <c r="AG27" s="424"/>
      <c r="AH27" s="424"/>
      <c r="AI27" s="424"/>
      <c r="AL27" s="424"/>
      <c r="AM27" s="424"/>
      <c r="AN27" s="424"/>
      <c r="AQ27" s="605"/>
      <c r="AR27" s="605"/>
      <c r="AS27" s="605"/>
      <c r="AT27" s="605" t="s">
        <v>409</v>
      </c>
      <c r="AU27" s="605"/>
      <c r="AV27" s="605"/>
      <c r="AW27" s="605"/>
      <c r="AX27" s="605"/>
      <c r="AY27" s="605"/>
      <c r="AZ27" s="605"/>
      <c r="BA27" s="605"/>
      <c r="BB27" s="605"/>
      <c r="BC27" s="605"/>
      <c r="BD27" s="605"/>
      <c r="BE27" s="605"/>
      <c r="BF27" s="605"/>
      <c r="BG27" s="605"/>
      <c r="BH27" s="605"/>
      <c r="BI27" s="605"/>
      <c r="BJ27" s="605"/>
      <c r="BK27" s="605"/>
      <c r="BL27" s="605"/>
      <c r="BM27" s="605"/>
      <c r="BN27" s="605"/>
      <c r="BO27" s="605"/>
      <c r="BP27" s="605"/>
      <c r="BQ27" s="605"/>
      <c r="BR27" s="605"/>
      <c r="BS27" s="605"/>
      <c r="BT27" s="605"/>
      <c r="BU27" s="605"/>
      <c r="BV27" s="606"/>
      <c r="BW27" s="605"/>
      <c r="BX27" s="605"/>
      <c r="BY27" s="605"/>
      <c r="BZ27" s="415"/>
    </row>
    <row r="28" spans="1:112" s="412" customFormat="1" ht="20.25" customHeight="1">
      <c r="A28" s="411"/>
      <c r="B28" s="450" t="s">
        <v>384</v>
      </c>
      <c r="C28" s="419"/>
      <c r="D28" s="419"/>
      <c r="E28" s="419"/>
      <c r="F28" s="419"/>
      <c r="G28" s="419"/>
      <c r="H28" s="419"/>
      <c r="I28" s="419"/>
      <c r="J28" s="419"/>
      <c r="K28" s="419"/>
      <c r="L28" s="419"/>
      <c r="M28" s="419"/>
      <c r="N28" s="419"/>
      <c r="O28" s="419"/>
      <c r="P28" s="419"/>
      <c r="Q28" s="419"/>
      <c r="R28" s="419"/>
      <c r="S28" s="419"/>
      <c r="T28" s="419"/>
      <c r="U28" s="419"/>
      <c r="V28" s="419"/>
      <c r="W28" s="419"/>
      <c r="X28" s="419"/>
      <c r="Y28" s="419"/>
      <c r="Z28" s="419"/>
      <c r="AA28" s="419"/>
      <c r="AB28" s="419"/>
      <c r="AC28" s="417"/>
      <c r="AD28" s="417"/>
      <c r="AE28" s="417"/>
      <c r="AF28" s="428"/>
      <c r="AG28" s="424"/>
      <c r="AH28" s="424"/>
      <c r="AI28" s="424"/>
      <c r="AL28" s="424"/>
      <c r="AM28" s="424"/>
      <c r="AN28" s="424"/>
      <c r="AQ28" s="605" t="s">
        <v>397</v>
      </c>
      <c r="AR28" s="605"/>
      <c r="AS28" s="605"/>
      <c r="AT28" s="605" t="s">
        <v>410</v>
      </c>
      <c r="AU28" s="605"/>
      <c r="AV28" s="605"/>
      <c r="AW28" s="605"/>
      <c r="AX28" s="605"/>
      <c r="AY28" s="605"/>
      <c r="AZ28" s="605"/>
      <c r="BA28" s="605"/>
      <c r="BB28" s="605"/>
      <c r="BC28" s="605"/>
      <c r="BD28" s="605"/>
      <c r="BE28" s="605"/>
      <c r="BF28" s="605"/>
      <c r="BG28" s="605"/>
      <c r="BH28" s="605"/>
      <c r="BI28" s="605"/>
      <c r="BJ28" s="605"/>
      <c r="BK28" s="605"/>
      <c r="BL28" s="605"/>
      <c r="BM28" s="605"/>
      <c r="BN28" s="605"/>
      <c r="BO28" s="605"/>
      <c r="BP28" s="605"/>
      <c r="BQ28" s="605"/>
      <c r="BR28" s="605"/>
      <c r="BS28" s="605"/>
      <c r="BT28" s="605"/>
      <c r="BU28" s="605"/>
      <c r="BV28" s="606"/>
      <c r="BW28" s="605"/>
      <c r="BX28" s="605"/>
      <c r="BY28" s="568"/>
      <c r="BZ28" s="415"/>
    </row>
    <row r="29" spans="1:112" s="412" customFormat="1" ht="20.25" customHeight="1">
      <c r="A29" s="411"/>
      <c r="B29" s="429"/>
      <c r="C29" s="417"/>
      <c r="D29" s="458"/>
      <c r="E29" s="458"/>
      <c r="F29" s="458"/>
      <c r="G29" s="458"/>
      <c r="H29" s="458"/>
      <c r="I29" s="458"/>
      <c r="J29" s="458"/>
      <c r="K29" s="458"/>
      <c r="L29" s="458"/>
      <c r="M29" s="458"/>
      <c r="N29" s="458"/>
      <c r="O29" s="458"/>
      <c r="P29" s="458"/>
      <c r="Q29" s="458"/>
      <c r="R29" s="458"/>
      <c r="S29" s="458"/>
      <c r="T29" s="458"/>
      <c r="U29" s="458"/>
      <c r="V29" s="458"/>
      <c r="W29" s="458"/>
      <c r="X29" s="458"/>
      <c r="Y29" s="458"/>
      <c r="Z29" s="458"/>
      <c r="AA29" s="458"/>
      <c r="AB29" s="458"/>
      <c r="AC29" s="458"/>
      <c r="AD29" s="458"/>
      <c r="AE29" s="417"/>
      <c r="AF29" s="428"/>
      <c r="AG29" s="424"/>
      <c r="AH29" s="424"/>
      <c r="AI29" s="424"/>
      <c r="AL29" s="424"/>
      <c r="AM29" s="424"/>
      <c r="AN29" s="424"/>
      <c r="AQ29" s="605"/>
      <c r="AR29" s="605"/>
      <c r="AS29" s="605"/>
      <c r="AT29" s="605" t="s">
        <v>411</v>
      </c>
      <c r="AU29" s="605"/>
      <c r="AV29" s="605"/>
      <c r="AW29" s="605"/>
      <c r="AX29" s="605"/>
      <c r="AY29" s="605"/>
      <c r="AZ29" s="605"/>
      <c r="BA29" s="605"/>
      <c r="BB29" s="605"/>
      <c r="BC29" s="605"/>
      <c r="BD29" s="605"/>
      <c r="BE29" s="605"/>
      <c r="BF29" s="605"/>
      <c r="BG29" s="605"/>
      <c r="BH29" s="605"/>
      <c r="BI29" s="605"/>
      <c r="BJ29" s="605"/>
      <c r="BK29" s="605"/>
      <c r="BL29" s="605"/>
      <c r="BM29" s="605"/>
      <c r="BN29" s="605"/>
      <c r="BO29" s="605"/>
      <c r="BP29" s="605"/>
      <c r="BQ29" s="605"/>
      <c r="BR29" s="605"/>
      <c r="BS29" s="605"/>
      <c r="BT29" s="605"/>
      <c r="BU29" s="605"/>
      <c r="BV29" s="598"/>
      <c r="BW29" s="605"/>
      <c r="BX29" s="605"/>
      <c r="BY29" s="605"/>
      <c r="BZ29" s="415"/>
      <c r="CA29" s="402"/>
      <c r="CB29" s="402"/>
    </row>
    <row r="30" spans="1:112" s="412" customFormat="1" ht="20.25" customHeight="1">
      <c r="A30" s="411"/>
      <c r="B30" s="429"/>
      <c r="C30" s="417"/>
      <c r="D30" s="458"/>
      <c r="E30" s="458"/>
      <c r="F30" s="458"/>
      <c r="G30" s="458"/>
      <c r="H30" s="458"/>
      <c r="I30" s="458"/>
      <c r="J30" s="458"/>
      <c r="K30" s="458"/>
      <c r="L30" s="458"/>
      <c r="M30" s="458"/>
      <c r="N30" s="458"/>
      <c r="O30" s="458"/>
      <c r="P30" s="458"/>
      <c r="Q30" s="458"/>
      <c r="R30" s="458"/>
      <c r="S30" s="458"/>
      <c r="T30" s="458"/>
      <c r="U30" s="458"/>
      <c r="V30" s="458"/>
      <c r="W30" s="458"/>
      <c r="X30" s="458"/>
      <c r="Y30" s="458"/>
      <c r="Z30" s="458"/>
      <c r="AA30" s="458"/>
      <c r="AB30" s="458"/>
      <c r="AC30" s="458"/>
      <c r="AD30" s="458"/>
      <c r="AE30" s="417"/>
      <c r="AF30" s="428"/>
      <c r="AG30" s="424"/>
      <c r="AH30" s="424"/>
      <c r="AI30" s="424"/>
      <c r="AJ30" s="424"/>
      <c r="AK30" s="424"/>
      <c r="AL30" s="424"/>
      <c r="AM30" s="424"/>
      <c r="AN30" s="424"/>
      <c r="AO30" s="416"/>
      <c r="AP30" s="417"/>
      <c r="AQ30" s="605"/>
      <c r="AR30" s="605"/>
      <c r="AS30" s="605"/>
      <c r="AT30" s="605" t="s">
        <v>413</v>
      </c>
      <c r="AU30" s="605"/>
      <c r="AV30" s="605"/>
      <c r="AW30" s="605"/>
      <c r="AX30" s="605"/>
      <c r="AY30" s="605"/>
      <c r="AZ30" s="605"/>
      <c r="BA30" s="605"/>
      <c r="BB30" s="605"/>
      <c r="BC30" s="605"/>
      <c r="BD30" s="605"/>
      <c r="BE30" s="605"/>
      <c r="BF30" s="605"/>
      <c r="BG30" s="568"/>
      <c r="BH30" s="605"/>
      <c r="BI30" s="605"/>
      <c r="BJ30" s="605"/>
      <c r="BK30" s="605"/>
      <c r="BL30" s="605"/>
      <c r="BM30" s="605"/>
      <c r="BN30" s="605"/>
      <c r="BO30" s="605"/>
      <c r="BP30" s="605"/>
      <c r="BQ30" s="605"/>
      <c r="BR30" s="605"/>
      <c r="BS30" s="605"/>
      <c r="BT30" s="605"/>
      <c r="BU30" s="605"/>
      <c r="BV30" s="598"/>
      <c r="BW30" s="605"/>
      <c r="BX30" s="605"/>
      <c r="BY30" s="605"/>
      <c r="BZ30" s="415"/>
      <c r="CA30" s="402"/>
    </row>
    <row r="31" spans="1:112" s="412" customFormat="1" ht="20.25" customHeight="1">
      <c r="A31" s="411"/>
      <c r="B31" s="443"/>
      <c r="C31" s="440"/>
      <c r="D31" s="440"/>
      <c r="E31" s="440"/>
      <c r="F31" s="440"/>
      <c r="G31" s="440"/>
      <c r="H31" s="440"/>
      <c r="I31" s="440"/>
      <c r="J31" s="440"/>
      <c r="K31" s="440"/>
      <c r="L31" s="440"/>
      <c r="M31" s="440"/>
      <c r="N31" s="440"/>
      <c r="O31" s="440"/>
      <c r="P31" s="440"/>
      <c r="Q31" s="440"/>
      <c r="R31" s="440"/>
      <c r="S31" s="440"/>
      <c r="T31" s="440"/>
      <c r="U31" s="440"/>
      <c r="V31" s="440"/>
      <c r="W31" s="440"/>
      <c r="X31" s="440"/>
      <c r="Y31" s="440"/>
      <c r="Z31" s="440"/>
      <c r="AA31" s="440"/>
      <c r="AB31" s="440"/>
      <c r="AC31" s="440"/>
      <c r="AD31" s="440"/>
      <c r="AE31" s="440"/>
      <c r="AF31" s="454"/>
      <c r="AG31" s="424"/>
      <c r="AH31" s="424"/>
      <c r="AI31" s="425"/>
      <c r="AJ31" s="425"/>
      <c r="AK31" s="425"/>
      <c r="AL31" s="425"/>
      <c r="AM31" s="425"/>
      <c r="AN31" s="425"/>
      <c r="AO31" s="416"/>
      <c r="AP31" s="417"/>
      <c r="AQ31" s="605"/>
      <c r="AR31" s="605"/>
      <c r="AS31" s="605"/>
      <c r="AT31" s="605"/>
      <c r="AU31" s="605"/>
      <c r="AV31" s="605"/>
      <c r="AW31" s="605"/>
      <c r="AX31" s="605"/>
      <c r="AY31" s="605"/>
      <c r="AZ31" s="605"/>
      <c r="BA31" s="605"/>
      <c r="BB31" s="605"/>
      <c r="BC31" s="605"/>
      <c r="BD31" s="605"/>
      <c r="BE31" s="605"/>
      <c r="BF31" s="605"/>
      <c r="BG31" s="568"/>
      <c r="BH31" s="605"/>
      <c r="BI31" s="605"/>
      <c r="BJ31" s="605"/>
      <c r="BK31" s="605"/>
      <c r="BL31" s="605"/>
      <c r="BM31" s="605"/>
      <c r="BN31" s="605"/>
      <c r="BO31" s="605"/>
      <c r="BP31" s="605"/>
      <c r="BQ31" s="605"/>
      <c r="BR31" s="605"/>
      <c r="BS31" s="605"/>
      <c r="BT31" s="605"/>
      <c r="BU31" s="605"/>
      <c r="BV31" s="598"/>
      <c r="BW31" s="605"/>
      <c r="BX31" s="605"/>
      <c r="BY31" s="605"/>
      <c r="BZ31" s="411"/>
      <c r="CB31" s="402"/>
    </row>
    <row r="32" spans="1:112" s="412" customFormat="1" ht="20.25" customHeight="1" thickBot="1">
      <c r="A32" s="411"/>
      <c r="AJ32" s="425"/>
      <c r="AK32" s="425"/>
      <c r="AL32" s="425"/>
      <c r="AM32" s="425"/>
      <c r="AN32" s="425"/>
      <c r="AQ32" s="607" t="s">
        <v>617</v>
      </c>
      <c r="AR32" s="608"/>
      <c r="AS32" s="608"/>
      <c r="AT32" s="608"/>
      <c r="AU32" s="608"/>
      <c r="AV32" s="608"/>
      <c r="AW32" s="608"/>
      <c r="AX32" s="608"/>
      <c r="AY32" s="608"/>
      <c r="AZ32" s="608"/>
      <c r="BA32" s="608"/>
      <c r="BB32" s="608"/>
      <c r="BC32" s="608"/>
      <c r="BD32" s="608"/>
      <c r="BE32" s="608"/>
      <c r="BF32" s="608"/>
      <c r="BG32" s="608"/>
      <c r="BH32" s="608"/>
      <c r="BI32" s="608"/>
      <c r="BJ32" s="608"/>
      <c r="BK32" s="608"/>
      <c r="BL32" s="608"/>
      <c r="BM32" s="608"/>
      <c r="BN32" s="608"/>
      <c r="BO32" s="608"/>
      <c r="BP32" s="608"/>
      <c r="BQ32" s="608"/>
      <c r="BR32" s="608"/>
      <c r="BS32" s="608"/>
      <c r="BT32" s="608"/>
      <c r="BU32" s="609"/>
      <c r="BV32" s="996" t="s">
        <v>365</v>
      </c>
      <c r="BW32" s="996"/>
      <c r="BX32" s="996"/>
      <c r="BY32" s="996"/>
      <c r="BZ32" s="411"/>
      <c r="CA32" s="402"/>
    </row>
    <row r="33" spans="1:81" s="412" customFormat="1" ht="20.25" customHeight="1" thickBot="1">
      <c r="A33" s="411"/>
      <c r="B33" s="448" t="s">
        <v>412</v>
      </c>
      <c r="C33" s="449"/>
      <c r="D33" s="449"/>
      <c r="E33" s="449"/>
      <c r="F33" s="449"/>
      <c r="G33" s="449"/>
      <c r="H33" s="449"/>
      <c r="I33" s="449"/>
      <c r="J33" s="449"/>
      <c r="K33" s="449"/>
      <c r="L33" s="449"/>
      <c r="M33" s="449"/>
      <c r="N33" s="449"/>
      <c r="O33" s="449"/>
      <c r="P33" s="449"/>
      <c r="Q33" s="449"/>
      <c r="R33" s="449"/>
      <c r="S33" s="449"/>
      <c r="T33" s="449"/>
      <c r="U33" s="449"/>
      <c r="V33" s="449"/>
      <c r="W33" s="449"/>
      <c r="X33" s="449"/>
      <c r="Y33" s="449"/>
      <c r="Z33" s="449"/>
      <c r="AA33" s="449"/>
      <c r="AB33" s="449"/>
      <c r="AC33" s="997" t="s">
        <v>365</v>
      </c>
      <c r="AD33" s="998"/>
      <c r="AE33" s="998"/>
      <c r="AF33" s="999"/>
      <c r="AJ33" s="425"/>
      <c r="AK33" s="425"/>
      <c r="AL33" s="425"/>
      <c r="AM33" s="425"/>
      <c r="AN33" s="425"/>
      <c r="AQ33" s="610" t="s">
        <v>772</v>
      </c>
      <c r="AR33" s="611"/>
      <c r="AS33" s="611"/>
      <c r="AT33" s="611"/>
      <c r="AU33" s="611"/>
      <c r="AV33" s="611"/>
      <c r="AW33" s="611"/>
      <c r="AX33" s="611"/>
      <c r="AY33" s="611"/>
      <c r="AZ33" s="612"/>
      <c r="BA33" s="613"/>
      <c r="BB33" s="613"/>
      <c r="BC33" s="613"/>
      <c r="BD33" s="613"/>
      <c r="BE33" s="613"/>
      <c r="BF33" s="613"/>
      <c r="BG33" s="613"/>
      <c r="BH33" s="607" t="s">
        <v>367</v>
      </c>
      <c r="BI33" s="608"/>
      <c r="BJ33" s="608"/>
      <c r="BK33" s="608"/>
      <c r="BL33" s="608"/>
      <c r="BM33" s="608"/>
      <c r="BN33" s="608"/>
      <c r="BO33" s="608"/>
      <c r="BP33" s="608"/>
      <c r="BQ33" s="608"/>
      <c r="BR33" s="608"/>
      <c r="BS33" s="608"/>
      <c r="BT33" s="608"/>
      <c r="BU33" s="608"/>
      <c r="BV33" s="1003"/>
      <c r="BW33" s="1004"/>
      <c r="BX33" s="1004"/>
      <c r="BY33" s="1005"/>
      <c r="BZ33" s="411"/>
      <c r="CC33" s="402"/>
    </row>
    <row r="34" spans="1:81" s="412" customFormat="1" ht="20.25" customHeight="1" thickBot="1">
      <c r="A34" s="411"/>
      <c r="B34" s="450" t="s">
        <v>366</v>
      </c>
      <c r="C34" s="419"/>
      <c r="D34" s="419"/>
      <c r="E34" s="419"/>
      <c r="F34" s="417"/>
      <c r="G34" s="417"/>
      <c r="H34" s="417"/>
      <c r="I34" s="417"/>
      <c r="J34" s="417"/>
      <c r="K34" s="422" t="s">
        <v>367</v>
      </c>
      <c r="L34" s="419"/>
      <c r="M34" s="419"/>
      <c r="N34" s="419"/>
      <c r="O34" s="419"/>
      <c r="P34" s="419"/>
      <c r="Q34" s="419"/>
      <c r="R34" s="419"/>
      <c r="S34" s="419"/>
      <c r="T34" s="419"/>
      <c r="U34" s="419"/>
      <c r="V34" s="419"/>
      <c r="W34" s="419"/>
      <c r="X34" s="419"/>
      <c r="Y34" s="419"/>
      <c r="Z34" s="419"/>
      <c r="AA34" s="419"/>
      <c r="AB34" s="419"/>
      <c r="AC34" s="636"/>
      <c r="AD34" s="637"/>
      <c r="AE34" s="637"/>
      <c r="AF34" s="638"/>
      <c r="AJ34" s="425"/>
      <c r="AK34" s="425"/>
      <c r="AL34" s="425"/>
      <c r="AM34" s="425"/>
      <c r="AN34" s="425"/>
      <c r="AQ34" s="610" t="s">
        <v>773</v>
      </c>
      <c r="AR34" s="611"/>
      <c r="AS34" s="611"/>
      <c r="AT34" s="611"/>
      <c r="AU34" s="611"/>
      <c r="AV34" s="611"/>
      <c r="AW34" s="611"/>
      <c r="AX34" s="611"/>
      <c r="AY34" s="611"/>
      <c r="AZ34" s="614"/>
      <c r="BA34" s="613"/>
      <c r="BB34" s="613"/>
      <c r="BC34" s="613"/>
      <c r="BD34" s="613"/>
      <c r="BE34" s="613"/>
      <c r="BF34" s="613"/>
      <c r="BG34" s="613"/>
      <c r="BH34" s="615" t="s">
        <v>369</v>
      </c>
      <c r="BI34" s="616"/>
      <c r="BJ34" s="616"/>
      <c r="BK34" s="616"/>
      <c r="BL34" s="616"/>
      <c r="BM34" s="616"/>
      <c r="BN34" s="616"/>
      <c r="BO34" s="616"/>
      <c r="BP34" s="616"/>
      <c r="BQ34" s="616"/>
      <c r="BR34" s="616"/>
      <c r="BS34" s="616"/>
      <c r="BT34" s="616"/>
      <c r="BU34" s="616"/>
      <c r="BV34" s="1003" t="s">
        <v>472</v>
      </c>
      <c r="BW34" s="1004"/>
      <c r="BX34" s="1004"/>
      <c r="BY34" s="1005"/>
      <c r="BZ34" s="411"/>
      <c r="CB34" s="447"/>
    </row>
    <row r="35" spans="1:81" s="412" customFormat="1" ht="20.25" customHeight="1" thickBot="1">
      <c r="A35" s="411"/>
      <c r="B35" s="429" t="s">
        <v>368</v>
      </c>
      <c r="C35" s="417"/>
      <c r="D35" s="417"/>
      <c r="E35" s="417"/>
      <c r="F35" s="417"/>
      <c r="G35" s="417"/>
      <c r="H35" s="417"/>
      <c r="I35" s="417"/>
      <c r="J35" s="417"/>
      <c r="K35" s="422" t="s">
        <v>369</v>
      </c>
      <c r="L35" s="419"/>
      <c r="M35" s="419"/>
      <c r="N35" s="419"/>
      <c r="O35" s="419"/>
      <c r="P35" s="419"/>
      <c r="Q35" s="419"/>
      <c r="R35" s="419"/>
      <c r="S35" s="419"/>
      <c r="T35" s="419"/>
      <c r="U35" s="419"/>
      <c r="V35" s="419"/>
      <c r="W35" s="419"/>
      <c r="X35" s="419"/>
      <c r="Y35" s="419"/>
      <c r="Z35" s="419"/>
      <c r="AA35" s="419"/>
      <c r="AB35" s="419"/>
      <c r="AC35" s="1094" t="s">
        <v>472</v>
      </c>
      <c r="AD35" s="1095"/>
      <c r="AE35" s="1095"/>
      <c r="AF35" s="1096"/>
      <c r="AJ35" s="425"/>
      <c r="AK35" s="425"/>
      <c r="AL35" s="425"/>
      <c r="AM35" s="425"/>
      <c r="AN35" s="425"/>
      <c r="AP35" s="451"/>
      <c r="AQ35" s="617"/>
      <c r="AR35" s="618"/>
      <c r="AS35" s="618"/>
      <c r="AT35" s="618"/>
      <c r="AU35" s="618"/>
      <c r="AV35" s="618"/>
      <c r="AW35" s="618"/>
      <c r="AX35" s="618"/>
      <c r="AY35" s="618"/>
      <c r="AZ35" s="619"/>
      <c r="BA35" s="619"/>
      <c r="BB35" s="618"/>
      <c r="BC35" s="618"/>
      <c r="BD35" s="618"/>
      <c r="BE35" s="618"/>
      <c r="BF35" s="618"/>
      <c r="BG35" s="618"/>
      <c r="BH35" s="620"/>
      <c r="BI35" s="619"/>
      <c r="BJ35" s="607" t="s">
        <v>774</v>
      </c>
      <c r="BK35" s="608"/>
      <c r="BL35" s="608"/>
      <c r="BM35" s="608"/>
      <c r="BN35" s="608"/>
      <c r="BO35" s="608"/>
      <c r="BP35" s="608"/>
      <c r="BQ35" s="608"/>
      <c r="BR35" s="608"/>
      <c r="BS35" s="608"/>
      <c r="BT35" s="608"/>
      <c r="BU35" s="608"/>
      <c r="BV35" s="1018">
        <v>2</v>
      </c>
      <c r="BW35" s="1019"/>
      <c r="BX35" s="1019"/>
      <c r="BY35" s="621" t="s">
        <v>775</v>
      </c>
      <c r="BZ35" s="415"/>
      <c r="CA35" s="402"/>
      <c r="CB35" s="402"/>
      <c r="CC35" s="402"/>
    </row>
    <row r="36" spans="1:81" s="412" customFormat="1" ht="20.25" customHeight="1">
      <c r="A36" s="411"/>
      <c r="B36" s="426" t="s">
        <v>618</v>
      </c>
      <c r="C36" s="417"/>
      <c r="D36" s="417"/>
      <c r="E36" s="417"/>
      <c r="F36" s="417"/>
      <c r="G36" s="417"/>
      <c r="H36" s="417"/>
      <c r="I36" s="417"/>
      <c r="J36" s="417"/>
      <c r="K36" s="429"/>
      <c r="L36" s="417"/>
      <c r="M36" s="430" t="s">
        <v>359</v>
      </c>
      <c r="N36" s="431"/>
      <c r="O36" s="431"/>
      <c r="P36" s="431"/>
      <c r="Q36" s="431"/>
      <c r="R36" s="431"/>
      <c r="S36" s="431"/>
      <c r="T36" s="431"/>
      <c r="U36" s="431"/>
      <c r="V36" s="431"/>
      <c r="W36" s="431"/>
      <c r="X36" s="431"/>
      <c r="Y36" s="431"/>
      <c r="Z36" s="431"/>
      <c r="AA36" s="431"/>
      <c r="AB36" s="431"/>
      <c r="AC36" s="993" t="s">
        <v>398</v>
      </c>
      <c r="AD36" s="994"/>
      <c r="AE36" s="994"/>
      <c r="AF36" s="995"/>
      <c r="AJ36" s="425"/>
      <c r="AK36" s="425"/>
      <c r="AL36" s="425"/>
      <c r="AM36" s="425"/>
      <c r="AN36" s="425"/>
      <c r="AP36" s="451"/>
      <c r="AQ36" s="622"/>
      <c r="AR36" s="622"/>
      <c r="AS36" s="622"/>
      <c r="AT36" s="622"/>
      <c r="AU36" s="622"/>
      <c r="AV36" s="622"/>
      <c r="AW36" s="622"/>
      <c r="AX36" s="622"/>
      <c r="AY36" s="622"/>
      <c r="AZ36" s="622"/>
      <c r="BA36" s="605"/>
      <c r="BB36" s="623"/>
      <c r="BC36" s="623"/>
      <c r="BD36" s="623"/>
      <c r="BE36" s="623"/>
      <c r="BF36" s="623"/>
      <c r="BG36" s="623"/>
      <c r="BH36" s="622"/>
      <c r="BI36" s="622"/>
      <c r="BJ36" s="622"/>
      <c r="BK36" s="622"/>
      <c r="BL36" s="622"/>
      <c r="BM36" s="622"/>
      <c r="BN36" s="622"/>
      <c r="BO36" s="622"/>
      <c r="BP36" s="622"/>
      <c r="BQ36" s="622"/>
      <c r="BR36" s="622"/>
      <c r="BS36" s="622"/>
      <c r="BT36" s="622"/>
      <c r="BU36" s="622"/>
      <c r="BV36" s="622"/>
      <c r="BW36" s="622"/>
      <c r="BX36" s="622"/>
      <c r="BY36" s="622"/>
      <c r="BZ36" s="411"/>
    </row>
    <row r="37" spans="1:81" s="412" customFormat="1" ht="20.25" customHeight="1">
      <c r="A37" s="411"/>
      <c r="B37" s="426" t="s">
        <v>622</v>
      </c>
      <c r="C37" s="424"/>
      <c r="D37" s="424"/>
      <c r="E37" s="424"/>
      <c r="F37" s="424"/>
      <c r="G37" s="424"/>
      <c r="H37" s="424"/>
      <c r="I37" s="424"/>
      <c r="J37" s="424"/>
      <c r="K37" s="429"/>
      <c r="L37" s="428"/>
      <c r="M37" s="435" t="s">
        <v>360</v>
      </c>
      <c r="N37" s="436"/>
      <c r="O37" s="436"/>
      <c r="P37" s="436"/>
      <c r="Q37" s="436"/>
      <c r="R37" s="436"/>
      <c r="S37" s="436"/>
      <c r="T37" s="436"/>
      <c r="U37" s="436"/>
      <c r="V37" s="436"/>
      <c r="W37" s="436"/>
      <c r="X37" s="436"/>
      <c r="Y37" s="436"/>
      <c r="Z37" s="436"/>
      <c r="AA37" s="436"/>
      <c r="AB37" s="436"/>
      <c r="AC37" s="630"/>
      <c r="AD37" s="631"/>
      <c r="AE37" s="631"/>
      <c r="AF37" s="632"/>
      <c r="AI37" s="452" t="s">
        <v>626</v>
      </c>
      <c r="AK37" s="425"/>
      <c r="AL37" s="425"/>
      <c r="AM37" s="425"/>
      <c r="AN37" s="425"/>
      <c r="AP37" s="451"/>
      <c r="AQ37" s="624"/>
      <c r="AR37" s="624"/>
      <c r="AS37" s="624"/>
      <c r="AT37" s="624"/>
      <c r="AU37" s="624"/>
      <c r="AV37" s="624"/>
      <c r="AW37" s="624"/>
      <c r="AX37" s="624"/>
      <c r="AY37" s="624"/>
      <c r="AZ37" s="624"/>
      <c r="BA37" s="605"/>
      <c r="BB37" s="623"/>
      <c r="BC37" s="623"/>
      <c r="BD37" s="623"/>
      <c r="BE37" s="623"/>
      <c r="BF37" s="623"/>
      <c r="BG37" s="623"/>
      <c r="BH37" s="624"/>
      <c r="BI37" s="624"/>
      <c r="BJ37" s="624"/>
      <c r="BK37" s="624"/>
      <c r="BL37" s="624"/>
      <c r="BM37" s="624"/>
      <c r="BN37" s="624"/>
      <c r="BO37" s="624"/>
      <c r="BP37" s="624"/>
      <c r="BQ37" s="624"/>
      <c r="BR37" s="624"/>
      <c r="BS37" s="624"/>
      <c r="BT37" s="624"/>
      <c r="BU37" s="624"/>
      <c r="BV37" s="624"/>
      <c r="BW37" s="624"/>
      <c r="BX37" s="624"/>
      <c r="BY37" s="624"/>
      <c r="BZ37" s="411"/>
      <c r="CA37" s="402"/>
      <c r="CB37" s="402"/>
    </row>
    <row r="38" spans="1:81" s="412" customFormat="1" ht="20.25" customHeight="1" thickBot="1">
      <c r="A38" s="411"/>
      <c r="B38" s="429"/>
      <c r="C38" s="424"/>
      <c r="D38" s="424"/>
      <c r="E38" s="424"/>
      <c r="F38" s="424"/>
      <c r="G38" s="424"/>
      <c r="H38" s="424"/>
      <c r="I38" s="424"/>
      <c r="J38" s="424"/>
      <c r="K38" s="429"/>
      <c r="L38" s="428"/>
      <c r="M38" s="435" t="s">
        <v>361</v>
      </c>
      <c r="N38" s="436"/>
      <c r="O38" s="436"/>
      <c r="P38" s="436"/>
      <c r="Q38" s="436"/>
      <c r="R38" s="436"/>
      <c r="S38" s="436"/>
      <c r="T38" s="436"/>
      <c r="U38" s="436"/>
      <c r="V38" s="436"/>
      <c r="W38" s="436"/>
      <c r="X38" s="436"/>
      <c r="Y38" s="436"/>
      <c r="Z38" s="436"/>
      <c r="AA38" s="436"/>
      <c r="AB38" s="436"/>
      <c r="AC38" s="630"/>
      <c r="AD38" s="631"/>
      <c r="AE38" s="631"/>
      <c r="AF38" s="632"/>
      <c r="AI38" s="453" t="s">
        <v>627</v>
      </c>
      <c r="AK38" s="425"/>
      <c r="AL38" s="425"/>
      <c r="AM38" s="425"/>
      <c r="AN38" s="425"/>
      <c r="AP38" s="451"/>
      <c r="AQ38" s="607" t="s">
        <v>776</v>
      </c>
      <c r="AR38" s="608"/>
      <c r="AS38" s="608"/>
      <c r="AT38" s="608"/>
      <c r="AU38" s="608"/>
      <c r="AV38" s="608"/>
      <c r="AW38" s="608"/>
      <c r="AX38" s="608"/>
      <c r="AY38" s="608"/>
      <c r="AZ38" s="608"/>
      <c r="BA38" s="608"/>
      <c r="BB38" s="608"/>
      <c r="BC38" s="608"/>
      <c r="BD38" s="608"/>
      <c r="BE38" s="608"/>
      <c r="BF38" s="608"/>
      <c r="BG38" s="608"/>
      <c r="BH38" s="608"/>
      <c r="BI38" s="608"/>
      <c r="BJ38" s="608"/>
      <c r="BK38" s="608"/>
      <c r="BL38" s="608"/>
      <c r="BM38" s="608"/>
      <c r="BN38" s="608"/>
      <c r="BO38" s="608"/>
      <c r="BP38" s="608"/>
      <c r="BQ38" s="608"/>
      <c r="BR38" s="608"/>
      <c r="BS38" s="608"/>
      <c r="BT38" s="608"/>
      <c r="BU38" s="609"/>
      <c r="BV38" s="996" t="s">
        <v>365</v>
      </c>
      <c r="BW38" s="996"/>
      <c r="BX38" s="996"/>
      <c r="BY38" s="996"/>
      <c r="BZ38" s="411"/>
      <c r="CB38" s="402"/>
    </row>
    <row r="39" spans="1:81" s="412" customFormat="1" ht="20.25" customHeight="1" thickBot="1">
      <c r="A39" s="411"/>
      <c r="B39" s="443"/>
      <c r="C39" s="424"/>
      <c r="D39" s="424"/>
      <c r="E39" s="424"/>
      <c r="F39" s="424"/>
      <c r="G39" s="424"/>
      <c r="H39" s="424"/>
      <c r="I39" s="424"/>
      <c r="J39" s="424"/>
      <c r="K39" s="443"/>
      <c r="L39" s="454"/>
      <c r="M39" s="444" t="s">
        <v>414</v>
      </c>
      <c r="N39" s="445"/>
      <c r="O39" s="445"/>
      <c r="P39" s="445"/>
      <c r="Q39" s="445"/>
      <c r="R39" s="445"/>
      <c r="S39" s="445"/>
      <c r="T39" s="445"/>
      <c r="U39" s="445"/>
      <c r="V39" s="445"/>
      <c r="W39" s="445"/>
      <c r="X39" s="445"/>
      <c r="Y39" s="445"/>
      <c r="Z39" s="445"/>
      <c r="AA39" s="445"/>
      <c r="AB39" s="445"/>
      <c r="AC39" s="642"/>
      <c r="AD39" s="643"/>
      <c r="AE39" s="643"/>
      <c r="AF39" s="644"/>
      <c r="AJ39" s="425"/>
      <c r="AK39" s="425"/>
      <c r="AL39" s="425"/>
      <c r="AM39" s="425"/>
      <c r="AN39" s="425"/>
      <c r="AP39" s="451"/>
      <c r="AQ39" s="625" t="s">
        <v>772</v>
      </c>
      <c r="AR39" s="622"/>
      <c r="AS39" s="622"/>
      <c r="AT39" s="622"/>
      <c r="AU39" s="622"/>
      <c r="AV39" s="622"/>
      <c r="AW39" s="622"/>
      <c r="AX39" s="622"/>
      <c r="AY39" s="622"/>
      <c r="AZ39" s="612"/>
      <c r="BA39" s="616"/>
      <c r="BB39" s="616"/>
      <c r="BC39" s="616"/>
      <c r="BD39" s="616"/>
      <c r="BE39" s="616"/>
      <c r="BF39" s="616"/>
      <c r="BG39" s="612"/>
      <c r="BH39" s="607" t="s">
        <v>367</v>
      </c>
      <c r="BI39" s="608"/>
      <c r="BJ39" s="608"/>
      <c r="BK39" s="608"/>
      <c r="BL39" s="608"/>
      <c r="BM39" s="608"/>
      <c r="BN39" s="608"/>
      <c r="BO39" s="608"/>
      <c r="BP39" s="608"/>
      <c r="BQ39" s="608"/>
      <c r="BR39" s="608"/>
      <c r="BS39" s="608"/>
      <c r="BT39" s="608"/>
      <c r="BU39" s="608"/>
      <c r="BV39" s="1003"/>
      <c r="BW39" s="1004"/>
      <c r="BX39" s="1004"/>
      <c r="BY39" s="1005"/>
      <c r="BZ39" s="411"/>
    </row>
    <row r="40" spans="1:81" s="412" customFormat="1" ht="20.25" customHeight="1" thickBot="1">
      <c r="A40" s="411"/>
      <c r="B40" s="450" t="s">
        <v>384</v>
      </c>
      <c r="C40" s="419"/>
      <c r="D40" s="419"/>
      <c r="E40" s="419"/>
      <c r="F40" s="419"/>
      <c r="G40" s="419"/>
      <c r="H40" s="419"/>
      <c r="I40" s="419"/>
      <c r="J40" s="419"/>
      <c r="K40" s="419"/>
      <c r="L40" s="419"/>
      <c r="M40" s="419"/>
      <c r="N40" s="419"/>
      <c r="O40" s="419"/>
      <c r="P40" s="419"/>
      <c r="Q40" s="419"/>
      <c r="R40" s="419"/>
      <c r="S40" s="419"/>
      <c r="T40" s="419"/>
      <c r="U40" s="419"/>
      <c r="V40" s="419"/>
      <c r="W40" s="419"/>
      <c r="X40" s="419"/>
      <c r="Y40" s="419"/>
      <c r="Z40" s="419"/>
      <c r="AA40" s="419"/>
      <c r="AB40" s="419"/>
      <c r="AC40" s="419"/>
      <c r="AD40" s="419"/>
      <c r="AE40" s="419"/>
      <c r="AF40" s="455"/>
      <c r="AJ40" s="425"/>
      <c r="AK40" s="425"/>
      <c r="AL40" s="425"/>
      <c r="AM40" s="425"/>
      <c r="AN40" s="425"/>
      <c r="AP40" s="456"/>
      <c r="AQ40" s="610" t="s">
        <v>777</v>
      </c>
      <c r="AR40" s="611"/>
      <c r="AS40" s="611"/>
      <c r="AT40" s="611"/>
      <c r="AU40" s="611"/>
      <c r="AV40" s="611"/>
      <c r="AW40" s="611"/>
      <c r="AX40" s="611"/>
      <c r="AY40" s="611"/>
      <c r="AZ40" s="614"/>
      <c r="BA40" s="613"/>
      <c r="BB40" s="613"/>
      <c r="BC40" s="613"/>
      <c r="BD40" s="613"/>
      <c r="BE40" s="613"/>
      <c r="BF40" s="613"/>
      <c r="BG40" s="614"/>
      <c r="BH40" s="615" t="s">
        <v>369</v>
      </c>
      <c r="BI40" s="616"/>
      <c r="BJ40" s="608"/>
      <c r="BK40" s="608"/>
      <c r="BL40" s="608"/>
      <c r="BM40" s="608"/>
      <c r="BN40" s="608"/>
      <c r="BO40" s="608"/>
      <c r="BP40" s="608"/>
      <c r="BQ40" s="608"/>
      <c r="BR40" s="608"/>
      <c r="BS40" s="608"/>
      <c r="BT40" s="608"/>
      <c r="BU40" s="608"/>
      <c r="BV40" s="1000" t="s">
        <v>472</v>
      </c>
      <c r="BW40" s="1001"/>
      <c r="BX40" s="1001"/>
      <c r="BY40" s="1002"/>
      <c r="CA40" s="402"/>
    </row>
    <row r="41" spans="1:81" s="412" customFormat="1" ht="20.25" customHeight="1" thickBot="1">
      <c r="A41" s="411"/>
      <c r="B41" s="457"/>
      <c r="C41" s="416"/>
      <c r="D41" s="458"/>
      <c r="E41" s="458"/>
      <c r="F41" s="458"/>
      <c r="G41" s="458"/>
      <c r="H41" s="458"/>
      <c r="I41" s="458"/>
      <c r="J41" s="458"/>
      <c r="K41" s="458"/>
      <c r="L41" s="458"/>
      <c r="M41" s="458"/>
      <c r="N41" s="458"/>
      <c r="O41" s="458"/>
      <c r="P41" s="458"/>
      <c r="Q41" s="458"/>
      <c r="R41" s="458"/>
      <c r="S41" s="458"/>
      <c r="T41" s="458"/>
      <c r="U41" s="458"/>
      <c r="V41" s="458"/>
      <c r="W41" s="458"/>
      <c r="X41" s="458"/>
      <c r="Y41" s="458"/>
      <c r="Z41" s="458"/>
      <c r="AA41" s="458"/>
      <c r="AB41" s="458"/>
      <c r="AC41" s="458"/>
      <c r="AD41" s="458"/>
      <c r="AE41" s="458"/>
      <c r="AF41" s="428"/>
      <c r="AJ41" s="424"/>
      <c r="AK41" s="424"/>
      <c r="AL41" s="417"/>
      <c r="AM41" s="424"/>
      <c r="AN41" s="424"/>
      <c r="AP41" s="456"/>
      <c r="AQ41" s="610" t="s">
        <v>778</v>
      </c>
      <c r="AR41" s="568"/>
      <c r="AS41" s="568"/>
      <c r="AT41" s="568"/>
      <c r="AU41" s="568"/>
      <c r="AV41" s="568"/>
      <c r="AW41" s="568"/>
      <c r="AX41" s="568"/>
      <c r="AY41" s="568"/>
      <c r="AZ41" s="568"/>
      <c r="BA41" s="626"/>
      <c r="BB41" s="626"/>
      <c r="BC41" s="626"/>
      <c r="BD41" s="626"/>
      <c r="BE41" s="626"/>
      <c r="BF41" s="626"/>
      <c r="BG41" s="627"/>
      <c r="BH41" s="615" t="s">
        <v>779</v>
      </c>
      <c r="BI41" s="616"/>
      <c r="BJ41" s="608"/>
      <c r="BK41" s="608"/>
      <c r="BL41" s="608"/>
      <c r="BM41" s="608"/>
      <c r="BN41" s="608"/>
      <c r="BO41" s="608"/>
      <c r="BP41" s="608"/>
      <c r="BQ41" s="608"/>
      <c r="BR41" s="608"/>
      <c r="BS41" s="608"/>
      <c r="BT41" s="608"/>
      <c r="BU41" s="608"/>
      <c r="BV41" s="1003"/>
      <c r="BW41" s="1004"/>
      <c r="BX41" s="1004"/>
      <c r="BY41" s="1005"/>
      <c r="CA41" s="402"/>
      <c r="CB41" s="402"/>
    </row>
    <row r="42" spans="1:81" s="412" customFormat="1" ht="20.25" customHeight="1" thickBot="1">
      <c r="A42" s="411"/>
      <c r="B42" s="457"/>
      <c r="C42" s="416"/>
      <c r="D42" s="458"/>
      <c r="E42" s="458"/>
      <c r="F42" s="458"/>
      <c r="G42" s="458"/>
      <c r="H42" s="458"/>
      <c r="I42" s="458"/>
      <c r="J42" s="458"/>
      <c r="K42" s="458"/>
      <c r="L42" s="458"/>
      <c r="M42" s="458"/>
      <c r="N42" s="458"/>
      <c r="O42" s="458"/>
      <c r="P42" s="458"/>
      <c r="Q42" s="458"/>
      <c r="R42" s="458"/>
      <c r="S42" s="458"/>
      <c r="T42" s="458"/>
      <c r="U42" s="458"/>
      <c r="V42" s="458"/>
      <c r="W42" s="458"/>
      <c r="X42" s="458"/>
      <c r="Y42" s="458"/>
      <c r="Z42" s="458"/>
      <c r="AA42" s="458"/>
      <c r="AB42" s="458"/>
      <c r="AC42" s="458"/>
      <c r="AD42" s="458"/>
      <c r="AE42" s="458"/>
      <c r="AF42" s="428"/>
      <c r="AJ42" s="424"/>
      <c r="AK42" s="424"/>
      <c r="AL42" s="424"/>
      <c r="AM42" s="424"/>
      <c r="AN42" s="424"/>
      <c r="AO42" s="402"/>
      <c r="AP42" s="456"/>
      <c r="AQ42" s="617" t="s">
        <v>796</v>
      </c>
      <c r="AR42" s="571"/>
      <c r="AS42" s="571"/>
      <c r="AT42" s="628"/>
      <c r="AU42" s="628"/>
      <c r="AV42" s="628"/>
      <c r="AW42" s="628"/>
      <c r="AX42" s="628"/>
      <c r="AY42" s="628"/>
      <c r="AZ42" s="628"/>
      <c r="BA42" s="571"/>
      <c r="BB42" s="571"/>
      <c r="BC42" s="571"/>
      <c r="BD42" s="571"/>
      <c r="BE42" s="571"/>
      <c r="BF42" s="571"/>
      <c r="BG42" s="602"/>
      <c r="BH42" s="620"/>
      <c r="BI42" s="619"/>
      <c r="BJ42" s="607" t="s">
        <v>780</v>
      </c>
      <c r="BK42" s="608"/>
      <c r="BL42" s="608"/>
      <c r="BM42" s="608"/>
      <c r="BN42" s="608"/>
      <c r="BO42" s="608"/>
      <c r="BP42" s="608"/>
      <c r="BQ42" s="608"/>
      <c r="BR42" s="608"/>
      <c r="BS42" s="608"/>
      <c r="BT42" s="608"/>
      <c r="BU42" s="608"/>
      <c r="BV42" s="1003"/>
      <c r="BW42" s="1004"/>
      <c r="BX42" s="1004"/>
      <c r="BY42" s="1005"/>
      <c r="CA42" s="402"/>
    </row>
    <row r="43" spans="1:81" s="412" customFormat="1" ht="20.25" customHeight="1">
      <c r="A43" s="411"/>
      <c r="B43" s="459"/>
      <c r="C43" s="441"/>
      <c r="D43" s="440"/>
      <c r="E43" s="440"/>
      <c r="F43" s="440"/>
      <c r="G43" s="440"/>
      <c r="H43" s="440"/>
      <c r="I43" s="440"/>
      <c r="J43" s="440"/>
      <c r="K43" s="440"/>
      <c r="L43" s="440"/>
      <c r="M43" s="440"/>
      <c r="N43" s="440"/>
      <c r="O43" s="440"/>
      <c r="P43" s="440"/>
      <c r="Q43" s="440"/>
      <c r="R43" s="440"/>
      <c r="S43" s="440"/>
      <c r="T43" s="440"/>
      <c r="U43" s="440"/>
      <c r="V43" s="440"/>
      <c r="W43" s="440"/>
      <c r="X43" s="440"/>
      <c r="Y43" s="440"/>
      <c r="Z43" s="440"/>
      <c r="AA43" s="440"/>
      <c r="AB43" s="440"/>
      <c r="AC43" s="440"/>
      <c r="AD43" s="440"/>
      <c r="AE43" s="440"/>
      <c r="AF43" s="454"/>
      <c r="AG43" s="424"/>
      <c r="AH43" s="424"/>
      <c r="AI43" s="424"/>
      <c r="AJ43" s="424"/>
      <c r="AK43" s="424"/>
      <c r="AL43" s="424"/>
      <c r="AM43" s="424"/>
      <c r="AN43" s="424"/>
      <c r="AO43" s="424"/>
      <c r="AP43" s="451"/>
      <c r="AQ43" s="568"/>
      <c r="AR43" s="568"/>
      <c r="AS43" s="568"/>
      <c r="AT43" s="626"/>
      <c r="AU43" s="626"/>
      <c r="AV43" s="626"/>
      <c r="AW43" s="626"/>
      <c r="AX43" s="626"/>
      <c r="AY43" s="626"/>
      <c r="AZ43" s="626"/>
      <c r="BA43" s="568"/>
      <c r="BB43" s="568"/>
      <c r="BC43" s="568"/>
      <c r="BD43" s="568"/>
      <c r="BE43" s="568"/>
      <c r="BF43" s="568"/>
      <c r="BG43" s="568"/>
      <c r="BH43" s="613"/>
      <c r="BI43" s="613"/>
      <c r="BJ43" s="613"/>
      <c r="BK43" s="613"/>
      <c r="BL43" s="613"/>
      <c r="BM43" s="613"/>
      <c r="BN43" s="613"/>
      <c r="BO43" s="613"/>
      <c r="BP43" s="613"/>
      <c r="BQ43" s="613"/>
      <c r="BR43" s="613"/>
      <c r="BS43" s="613"/>
      <c r="BT43" s="613"/>
      <c r="BU43" s="613"/>
      <c r="BV43" s="629"/>
      <c r="BW43" s="629"/>
      <c r="BX43" s="629"/>
      <c r="BY43" s="629"/>
      <c r="CA43" s="402"/>
      <c r="CB43" s="402"/>
    </row>
    <row r="44" spans="1:81" s="412" customFormat="1" ht="20.25" customHeight="1">
      <c r="A44" s="411"/>
      <c r="B44" s="416"/>
      <c r="C44" s="416"/>
      <c r="D44" s="417"/>
      <c r="E44" s="417"/>
      <c r="F44" s="417"/>
      <c r="G44" s="417"/>
      <c r="H44" s="417"/>
      <c r="I44" s="417"/>
      <c r="J44" s="417"/>
      <c r="K44" s="417"/>
      <c r="L44" s="417"/>
      <c r="M44" s="417"/>
      <c r="N44" s="417"/>
      <c r="O44" s="417"/>
      <c r="P44" s="417"/>
      <c r="Q44" s="417"/>
      <c r="R44" s="417"/>
      <c r="S44" s="417"/>
      <c r="T44" s="417"/>
      <c r="U44" s="417"/>
      <c r="V44" s="417"/>
      <c r="W44" s="417"/>
      <c r="X44" s="417"/>
      <c r="Y44" s="417"/>
      <c r="Z44" s="417"/>
      <c r="AA44" s="417"/>
      <c r="AB44" s="417"/>
      <c r="AC44" s="417"/>
      <c r="AD44" s="417"/>
      <c r="AE44" s="417"/>
      <c r="AF44" s="417"/>
      <c r="AG44" s="424"/>
      <c r="AH44" s="424"/>
      <c r="AI44" s="424"/>
      <c r="AJ44" s="424"/>
      <c r="AK44" s="424"/>
      <c r="AL44" s="424"/>
      <c r="AM44" s="424"/>
      <c r="AN44" s="424"/>
      <c r="AO44" s="424"/>
      <c r="AP44" s="451"/>
      <c r="AQ44" s="460"/>
      <c r="AR44" s="460"/>
      <c r="AS44" s="460"/>
      <c r="AT44" s="460"/>
      <c r="AU44" s="460"/>
      <c r="AV44" s="460"/>
      <c r="AW44" s="460"/>
      <c r="AX44" s="460"/>
      <c r="AY44" s="460"/>
      <c r="AZ44" s="460"/>
      <c r="BA44" s="460"/>
      <c r="BB44" s="460"/>
      <c r="BC44" s="460"/>
      <c r="BD44" s="460"/>
      <c r="BE44" s="460"/>
      <c r="BF44" s="460"/>
      <c r="BG44" s="460"/>
      <c r="BH44" s="460"/>
      <c r="BI44" s="460"/>
      <c r="BJ44" s="460"/>
      <c r="BK44" s="460"/>
      <c r="BL44" s="460"/>
      <c r="BM44" s="460"/>
      <c r="BN44" s="460"/>
      <c r="BO44" s="460"/>
      <c r="BP44" s="460"/>
      <c r="BQ44" s="460"/>
      <c r="BR44" s="460"/>
      <c r="BS44" s="460"/>
      <c r="BT44" s="460"/>
      <c r="BU44" s="460"/>
      <c r="BV44" s="460"/>
      <c r="BW44" s="460"/>
      <c r="BX44" s="460"/>
      <c r="BY44" s="460"/>
      <c r="CA44" s="402"/>
      <c r="CB44" s="402"/>
    </row>
    <row r="45" spans="1:81" s="412" customFormat="1" ht="20.25" customHeight="1">
      <c r="A45" s="411"/>
      <c r="B45" s="411"/>
      <c r="AL45" s="1020">
        <v>4</v>
      </c>
      <c r="AQ45" s="411"/>
      <c r="AR45" s="411"/>
      <c r="AS45" s="411"/>
      <c r="AT45" s="411"/>
      <c r="AU45" s="411"/>
      <c r="AV45" s="411"/>
      <c r="AW45" s="411"/>
      <c r="AX45" s="411"/>
      <c r="AY45" s="411"/>
      <c r="AZ45" s="411"/>
      <c r="BA45" s="411"/>
      <c r="BB45" s="411"/>
      <c r="BC45" s="411"/>
      <c r="BD45" s="411"/>
      <c r="BE45" s="411"/>
      <c r="BF45" s="411"/>
      <c r="BG45" s="411"/>
      <c r="BH45" s="411"/>
      <c r="BI45" s="411"/>
      <c r="BJ45" s="411"/>
      <c r="BK45" s="411"/>
      <c r="BL45" s="411"/>
      <c r="BM45" s="411"/>
      <c r="BN45" s="411"/>
      <c r="BO45" s="411"/>
      <c r="BP45" s="411"/>
      <c r="BQ45" s="411"/>
      <c r="BR45" s="411"/>
      <c r="BS45" s="411"/>
      <c r="BT45" s="411"/>
      <c r="BU45" s="411"/>
      <c r="BV45" s="411"/>
      <c r="BW45" s="411"/>
      <c r="BX45" s="411"/>
      <c r="BY45" s="411"/>
      <c r="CB45" s="402"/>
    </row>
    <row r="46" spans="1:81" s="412" customFormat="1" ht="20.25" customHeight="1">
      <c r="A46" s="411"/>
      <c r="AK46" s="411"/>
      <c r="AL46" s="1020"/>
      <c r="AM46" s="461"/>
      <c r="AN46" s="461"/>
      <c r="AO46" s="461"/>
      <c r="AP46" s="461"/>
      <c r="AQ46" s="411"/>
      <c r="AR46" s="411"/>
      <c r="AS46" s="411"/>
      <c r="AT46" s="411"/>
      <c r="AU46" s="411"/>
      <c r="AV46" s="411"/>
      <c r="AW46" s="411"/>
      <c r="AX46" s="411"/>
      <c r="AY46" s="411"/>
      <c r="AZ46" s="411"/>
      <c r="BA46" s="411"/>
      <c r="BB46" s="411"/>
      <c r="BC46" s="411"/>
      <c r="BD46" s="411"/>
      <c r="BE46" s="411"/>
      <c r="BF46" s="411"/>
      <c r="BG46" s="411"/>
      <c r="BH46" s="411"/>
      <c r="BI46" s="411"/>
      <c r="BJ46" s="411"/>
      <c r="BK46" s="411"/>
      <c r="BL46" s="411"/>
      <c r="BM46" s="411"/>
      <c r="BN46" s="411"/>
      <c r="BO46" s="411"/>
      <c r="BP46" s="411"/>
      <c r="BQ46" s="411"/>
      <c r="BR46" s="411"/>
      <c r="BS46" s="411"/>
      <c r="BT46" s="411"/>
      <c r="BU46" s="411"/>
      <c r="BV46" s="411"/>
      <c r="BW46" s="411"/>
      <c r="BX46" s="411"/>
      <c r="BY46" s="411"/>
    </row>
    <row r="47" spans="1:81" s="412" customFormat="1" ht="20.25" customHeight="1">
      <c r="A47" s="411"/>
      <c r="AK47" s="425"/>
      <c r="AL47" s="411"/>
      <c r="AM47" s="411"/>
      <c r="AN47" s="411"/>
      <c r="AO47" s="411"/>
      <c r="AP47" s="411"/>
      <c r="AQ47" s="411"/>
      <c r="AR47" s="411"/>
      <c r="AS47" s="411"/>
      <c r="AT47" s="411"/>
      <c r="AU47" s="411"/>
      <c r="AV47" s="411"/>
      <c r="AW47" s="411"/>
      <c r="AX47" s="411"/>
      <c r="AY47" s="411"/>
      <c r="AZ47" s="411"/>
      <c r="BA47" s="411"/>
      <c r="BB47" s="411"/>
      <c r="BC47" s="411"/>
      <c r="BD47" s="411"/>
      <c r="BE47" s="411"/>
      <c r="BF47" s="411"/>
      <c r="BG47" s="411"/>
      <c r="BH47" s="411"/>
      <c r="BI47" s="411"/>
      <c r="BJ47" s="411"/>
      <c r="BK47" s="411"/>
      <c r="BL47" s="411"/>
      <c r="BM47" s="411"/>
      <c r="BN47" s="411"/>
      <c r="BO47" s="411"/>
      <c r="BP47" s="411"/>
      <c r="BQ47" s="411"/>
      <c r="BR47" s="411"/>
      <c r="BS47" s="411"/>
      <c r="BT47" s="411"/>
      <c r="BU47" s="411"/>
      <c r="BV47" s="411"/>
      <c r="BW47" s="411"/>
      <c r="BX47" s="411"/>
      <c r="BY47" s="411"/>
      <c r="BZ47" s="411"/>
    </row>
    <row r="48" spans="1:81" s="412" customFormat="1" ht="20.25" customHeight="1">
      <c r="A48" s="411"/>
      <c r="B48" s="461"/>
      <c r="C48" s="461"/>
      <c r="D48" s="461"/>
      <c r="E48" s="461"/>
      <c r="F48" s="461"/>
      <c r="G48" s="461"/>
      <c r="H48" s="461"/>
      <c r="I48" s="461"/>
      <c r="J48" s="461"/>
      <c r="K48" s="461"/>
      <c r="L48" s="461"/>
      <c r="M48" s="461"/>
      <c r="N48" s="461"/>
      <c r="O48" s="461"/>
      <c r="P48" s="461"/>
      <c r="Q48" s="461"/>
      <c r="R48" s="461"/>
      <c r="S48" s="461"/>
      <c r="T48" s="461"/>
      <c r="U48" s="461"/>
      <c r="V48" s="461"/>
      <c r="W48" s="461"/>
      <c r="X48" s="461"/>
      <c r="Y48" s="461"/>
      <c r="Z48" s="461"/>
      <c r="AA48" s="461"/>
      <c r="AB48" s="461"/>
      <c r="AC48" s="461"/>
      <c r="AD48" s="461"/>
      <c r="AE48" s="461"/>
      <c r="AF48" s="461"/>
      <c r="AG48" s="461"/>
      <c r="AH48" s="461"/>
      <c r="AI48" s="461"/>
      <c r="AJ48" s="461"/>
      <c r="AK48" s="425"/>
      <c r="AL48" s="411"/>
      <c r="AM48" s="411"/>
      <c r="AN48" s="411"/>
      <c r="AO48" s="411"/>
      <c r="AP48" s="411"/>
      <c r="AQ48" s="411"/>
      <c r="AR48" s="411"/>
      <c r="AS48" s="411"/>
      <c r="AT48" s="411"/>
      <c r="AU48" s="411"/>
      <c r="AV48" s="411"/>
      <c r="AW48" s="411"/>
      <c r="AX48" s="411"/>
      <c r="AY48" s="411"/>
      <c r="AZ48" s="411"/>
      <c r="BA48" s="411"/>
      <c r="BB48" s="411"/>
      <c r="BC48" s="411"/>
      <c r="BD48" s="411"/>
      <c r="BE48" s="411"/>
      <c r="BF48" s="411"/>
      <c r="BG48" s="411"/>
      <c r="BH48" s="411"/>
      <c r="BI48" s="411"/>
      <c r="BJ48" s="411"/>
      <c r="BK48" s="411"/>
      <c r="BL48" s="411"/>
      <c r="BM48" s="411"/>
      <c r="BN48" s="411"/>
      <c r="BO48" s="411"/>
      <c r="BP48" s="411"/>
      <c r="BQ48" s="411"/>
      <c r="BR48" s="411"/>
      <c r="BS48" s="411"/>
      <c r="BT48" s="411"/>
      <c r="BU48" s="411"/>
      <c r="BV48" s="411"/>
      <c r="BW48" s="411"/>
      <c r="BX48" s="411"/>
      <c r="BY48" s="411"/>
      <c r="BZ48" s="411"/>
      <c r="CA48" s="461"/>
    </row>
    <row r="49" spans="1:79" s="412" customFormat="1" ht="16.05" customHeight="1">
      <c r="A49" s="411"/>
      <c r="B49" s="461"/>
      <c r="C49" s="461"/>
      <c r="D49" s="461"/>
      <c r="E49" s="461"/>
      <c r="F49" s="461"/>
      <c r="G49" s="461"/>
      <c r="H49" s="461"/>
      <c r="I49" s="461"/>
      <c r="J49" s="461"/>
      <c r="K49" s="461"/>
      <c r="L49" s="461"/>
      <c r="M49" s="461"/>
      <c r="N49" s="461"/>
      <c r="O49" s="461"/>
      <c r="P49" s="461"/>
      <c r="Q49" s="461"/>
      <c r="R49" s="461"/>
      <c r="S49" s="461"/>
      <c r="T49" s="461"/>
      <c r="U49" s="461"/>
      <c r="V49" s="461"/>
      <c r="W49" s="461"/>
      <c r="X49" s="461"/>
      <c r="Y49" s="461"/>
      <c r="Z49" s="461"/>
      <c r="AA49" s="461"/>
      <c r="AB49" s="461"/>
      <c r="AC49" s="461"/>
      <c r="AD49" s="461"/>
      <c r="AE49" s="461"/>
      <c r="AF49" s="461"/>
      <c r="AG49" s="461"/>
      <c r="AH49" s="461"/>
      <c r="AI49" s="461"/>
      <c r="AJ49" s="461"/>
      <c r="AK49" s="425"/>
      <c r="AL49" s="411"/>
      <c r="AM49" s="411"/>
      <c r="AN49" s="411"/>
      <c r="AO49" s="411"/>
      <c r="AP49" s="411"/>
      <c r="AQ49" s="411"/>
      <c r="AR49" s="411"/>
      <c r="AS49" s="411"/>
      <c r="AT49" s="411"/>
      <c r="AU49" s="411"/>
      <c r="AV49" s="411"/>
      <c r="AW49" s="411"/>
      <c r="AX49" s="411"/>
      <c r="AY49" s="411"/>
      <c r="AZ49" s="411"/>
      <c r="BA49" s="411"/>
      <c r="BB49" s="411"/>
      <c r="BC49" s="411"/>
      <c r="BD49" s="411"/>
      <c r="BE49" s="411"/>
      <c r="BF49" s="411"/>
      <c r="BG49" s="411"/>
      <c r="BH49" s="411"/>
      <c r="BI49" s="411"/>
      <c r="BJ49" s="411"/>
      <c r="BK49" s="411"/>
      <c r="BL49" s="411"/>
      <c r="BM49" s="411"/>
      <c r="BN49" s="411"/>
      <c r="BO49" s="411"/>
      <c r="BP49" s="411"/>
      <c r="BQ49" s="411"/>
      <c r="BR49" s="411"/>
      <c r="BS49" s="411"/>
      <c r="BT49" s="411"/>
      <c r="BU49" s="411"/>
      <c r="BV49" s="411"/>
      <c r="BW49" s="411"/>
      <c r="BX49" s="411"/>
      <c r="BY49" s="411"/>
      <c r="BZ49" s="411"/>
      <c r="CA49" s="461"/>
    </row>
    <row r="50" spans="1:79" s="412" customFormat="1" ht="16.05" customHeight="1">
      <c r="A50" s="411"/>
      <c r="B50" s="461"/>
      <c r="C50" s="461"/>
      <c r="D50" s="461"/>
      <c r="E50" s="461"/>
      <c r="F50" s="461"/>
      <c r="G50" s="461"/>
      <c r="H50" s="461"/>
      <c r="I50" s="461"/>
      <c r="J50" s="461"/>
      <c r="K50" s="461"/>
      <c r="L50" s="461"/>
      <c r="M50" s="461"/>
      <c r="N50" s="461"/>
      <c r="O50" s="461"/>
      <c r="P50" s="461"/>
      <c r="Q50" s="461"/>
      <c r="R50" s="461"/>
      <c r="S50" s="461"/>
      <c r="T50" s="461"/>
      <c r="U50" s="461"/>
      <c r="V50" s="461"/>
      <c r="W50" s="461"/>
      <c r="X50" s="461"/>
      <c r="Y50" s="461"/>
      <c r="Z50" s="461"/>
      <c r="AA50" s="461"/>
      <c r="AB50" s="461"/>
      <c r="AC50" s="461"/>
      <c r="AD50" s="461"/>
      <c r="AE50" s="461"/>
      <c r="AF50" s="461"/>
      <c r="AG50" s="461"/>
      <c r="AH50" s="461"/>
      <c r="AI50" s="461"/>
      <c r="AJ50" s="461"/>
      <c r="AK50" s="425"/>
      <c r="AL50" s="411"/>
      <c r="AM50" s="411"/>
      <c r="AN50" s="411"/>
      <c r="AO50" s="411"/>
      <c r="AP50" s="411"/>
      <c r="AQ50" s="396"/>
      <c r="AR50" s="396"/>
      <c r="AS50" s="396"/>
      <c r="AT50" s="396"/>
      <c r="AU50" s="396"/>
      <c r="AV50" s="396"/>
      <c r="AW50" s="396"/>
      <c r="AX50" s="396"/>
      <c r="AY50" s="396"/>
      <c r="AZ50" s="396"/>
      <c r="BA50" s="396"/>
      <c r="BB50" s="396"/>
      <c r="BC50" s="396"/>
      <c r="BD50" s="396"/>
      <c r="BE50" s="396"/>
      <c r="BF50" s="396"/>
      <c r="BG50" s="396"/>
      <c r="BH50" s="396"/>
      <c r="BI50" s="396"/>
      <c r="BJ50" s="396"/>
      <c r="BK50" s="396"/>
      <c r="BL50" s="396"/>
      <c r="BM50" s="396"/>
      <c r="BN50" s="396"/>
      <c r="BO50" s="396"/>
      <c r="BP50" s="396"/>
      <c r="BQ50" s="396"/>
      <c r="BR50" s="396"/>
      <c r="BS50" s="396"/>
      <c r="BT50" s="396"/>
      <c r="BU50" s="396"/>
      <c r="BV50" s="396"/>
      <c r="BW50" s="396"/>
      <c r="BX50" s="396"/>
      <c r="BY50" s="396"/>
      <c r="BZ50" s="411"/>
      <c r="CA50" s="461"/>
    </row>
    <row r="51" spans="1:79" s="412" customFormat="1" ht="16.05" customHeight="1">
      <c r="A51" s="411"/>
      <c r="B51" s="461"/>
      <c r="C51" s="461"/>
      <c r="D51" s="461"/>
      <c r="E51" s="461"/>
      <c r="F51" s="461"/>
      <c r="G51" s="461"/>
      <c r="H51" s="461"/>
      <c r="I51" s="461"/>
      <c r="J51" s="461"/>
      <c r="K51" s="461"/>
      <c r="L51" s="461"/>
      <c r="M51" s="461"/>
      <c r="N51" s="461"/>
      <c r="O51" s="461"/>
      <c r="P51" s="461"/>
      <c r="Q51" s="461"/>
      <c r="R51" s="461"/>
      <c r="S51" s="461"/>
      <c r="T51" s="461"/>
      <c r="U51" s="461"/>
      <c r="V51" s="461"/>
      <c r="W51" s="461"/>
      <c r="X51" s="461"/>
      <c r="Y51" s="461"/>
      <c r="Z51" s="461"/>
      <c r="AA51" s="461"/>
      <c r="AB51" s="461"/>
      <c r="AC51" s="461"/>
      <c r="AD51" s="461"/>
      <c r="AE51" s="461"/>
      <c r="AF51" s="461"/>
      <c r="AG51" s="461"/>
      <c r="AH51" s="461"/>
      <c r="AI51" s="461"/>
      <c r="AJ51" s="461"/>
      <c r="AK51" s="425"/>
      <c r="AL51" s="411"/>
      <c r="AM51" s="411"/>
      <c r="AN51" s="411"/>
      <c r="AO51" s="411"/>
      <c r="AP51" s="411"/>
      <c r="AQ51" s="396"/>
      <c r="AR51" s="396"/>
      <c r="AS51" s="396"/>
      <c r="AT51" s="396"/>
      <c r="AU51" s="396"/>
      <c r="AV51" s="396"/>
      <c r="AW51" s="396"/>
      <c r="AX51" s="396"/>
      <c r="AY51" s="396"/>
      <c r="AZ51" s="396"/>
      <c r="BA51" s="396"/>
      <c r="BB51" s="396"/>
      <c r="BC51" s="396"/>
      <c r="BD51" s="396"/>
      <c r="BE51" s="396"/>
      <c r="BF51" s="396"/>
      <c r="BG51" s="396"/>
      <c r="BH51" s="396"/>
      <c r="BI51" s="396"/>
      <c r="BJ51" s="396"/>
      <c r="BK51" s="396"/>
      <c r="BL51" s="396"/>
      <c r="BM51" s="396"/>
      <c r="BN51" s="396"/>
      <c r="BO51" s="396"/>
      <c r="BP51" s="396"/>
      <c r="BQ51" s="396"/>
      <c r="BR51" s="396"/>
      <c r="BS51" s="396"/>
      <c r="BT51" s="396"/>
      <c r="BU51" s="396"/>
      <c r="BV51" s="396"/>
      <c r="BW51" s="396"/>
      <c r="BX51" s="396"/>
      <c r="BY51" s="396"/>
      <c r="BZ51" s="411"/>
      <c r="CA51" s="461"/>
    </row>
    <row r="52" spans="1:79" s="412" customFormat="1" ht="16.05" customHeight="1">
      <c r="A52" s="411"/>
      <c r="B52" s="461"/>
      <c r="C52" s="461"/>
      <c r="D52" s="461"/>
      <c r="E52" s="461"/>
      <c r="F52" s="461"/>
      <c r="G52" s="461"/>
      <c r="H52" s="461"/>
      <c r="I52" s="461"/>
      <c r="J52" s="461"/>
      <c r="K52" s="461"/>
      <c r="L52" s="461"/>
      <c r="M52" s="461"/>
      <c r="N52" s="461"/>
      <c r="O52" s="461"/>
      <c r="P52" s="461"/>
      <c r="Q52" s="461"/>
      <c r="R52" s="461"/>
      <c r="S52" s="461"/>
      <c r="T52" s="461"/>
      <c r="U52" s="461"/>
      <c r="V52" s="461"/>
      <c r="W52" s="461"/>
      <c r="X52" s="461"/>
      <c r="Y52" s="461"/>
      <c r="Z52" s="461"/>
      <c r="AA52" s="461"/>
      <c r="AB52" s="461"/>
      <c r="AC52" s="461"/>
      <c r="AD52" s="461"/>
      <c r="AE52" s="461"/>
      <c r="AF52" s="461"/>
      <c r="AG52" s="461"/>
      <c r="AH52" s="461"/>
      <c r="AI52" s="461"/>
      <c r="AJ52" s="461"/>
      <c r="AK52" s="425"/>
      <c r="AL52" s="411"/>
      <c r="AM52" s="411"/>
      <c r="AN52" s="411"/>
      <c r="AO52" s="411"/>
      <c r="AP52" s="411"/>
      <c r="AQ52" s="396"/>
      <c r="AR52" s="396"/>
      <c r="AS52" s="396"/>
      <c r="AT52" s="396"/>
      <c r="AU52" s="396"/>
      <c r="AV52" s="396"/>
      <c r="AW52" s="396"/>
      <c r="AX52" s="396"/>
      <c r="AY52" s="396"/>
      <c r="AZ52" s="396"/>
      <c r="BA52" s="396"/>
      <c r="BB52" s="396"/>
      <c r="BC52" s="396"/>
      <c r="BD52" s="396"/>
      <c r="BE52" s="396"/>
      <c r="BF52" s="396"/>
      <c r="BG52" s="396"/>
      <c r="BH52" s="396"/>
      <c r="BI52" s="396"/>
      <c r="BJ52" s="396"/>
      <c r="BK52" s="396"/>
      <c r="BL52" s="396"/>
      <c r="BM52" s="396"/>
      <c r="BN52" s="396"/>
      <c r="BO52" s="396"/>
      <c r="BP52" s="396"/>
      <c r="BQ52" s="396"/>
      <c r="BR52" s="396"/>
      <c r="BS52" s="396"/>
      <c r="BT52" s="396"/>
      <c r="BU52" s="396"/>
      <c r="BV52" s="396"/>
      <c r="BW52" s="396"/>
      <c r="BX52" s="396"/>
      <c r="BY52" s="396"/>
      <c r="BZ52" s="411"/>
      <c r="CA52" s="461"/>
    </row>
    <row r="53" spans="1:79" s="461" customFormat="1" ht="16.05" customHeight="1">
      <c r="A53" s="411"/>
      <c r="AK53" s="425"/>
      <c r="AL53" s="411"/>
      <c r="AM53" s="411"/>
      <c r="AN53" s="411"/>
      <c r="AO53" s="411"/>
      <c r="AP53" s="411"/>
      <c r="AQ53" s="396"/>
      <c r="AR53" s="396"/>
      <c r="AS53" s="396"/>
      <c r="AT53" s="396"/>
      <c r="AU53" s="396"/>
      <c r="AV53" s="396"/>
      <c r="AW53" s="396"/>
      <c r="AX53" s="396"/>
      <c r="AY53" s="396"/>
      <c r="AZ53" s="396"/>
      <c r="BA53" s="396"/>
      <c r="BB53" s="396"/>
      <c r="BC53" s="396"/>
      <c r="BD53" s="396"/>
      <c r="BE53" s="396"/>
      <c r="BF53" s="396"/>
      <c r="BG53" s="396"/>
      <c r="BH53" s="396"/>
      <c r="BI53" s="396"/>
      <c r="BJ53" s="396"/>
      <c r="BK53" s="396"/>
      <c r="BL53" s="396"/>
      <c r="BM53" s="396"/>
      <c r="BN53" s="396"/>
      <c r="BO53" s="396"/>
      <c r="BP53" s="396"/>
      <c r="BQ53" s="396"/>
      <c r="BR53" s="396"/>
      <c r="BS53" s="396"/>
      <c r="BT53" s="396"/>
      <c r="BU53" s="396"/>
      <c r="BV53" s="396"/>
      <c r="BW53" s="396"/>
      <c r="BX53" s="396"/>
      <c r="BY53" s="396"/>
      <c r="BZ53" s="411"/>
    </row>
    <row r="54" spans="1:79" s="461" customFormat="1" ht="16.05" customHeight="1">
      <c r="A54" s="411"/>
      <c r="B54" s="411"/>
      <c r="C54" s="411"/>
      <c r="D54" s="424"/>
      <c r="E54" s="424"/>
      <c r="F54" s="424"/>
      <c r="G54" s="424"/>
      <c r="H54" s="424"/>
      <c r="I54" s="424"/>
      <c r="J54" s="424"/>
      <c r="K54" s="424"/>
      <c r="L54" s="424"/>
      <c r="M54" s="424"/>
      <c r="N54" s="424"/>
      <c r="O54" s="424"/>
      <c r="P54" s="424"/>
      <c r="Q54" s="424"/>
      <c r="R54" s="424"/>
      <c r="S54" s="424"/>
      <c r="T54" s="424"/>
      <c r="U54" s="424"/>
      <c r="V54" s="424"/>
      <c r="W54" s="424"/>
      <c r="X54" s="424"/>
      <c r="Y54" s="424"/>
      <c r="Z54" s="424"/>
      <c r="AA54" s="424"/>
      <c r="AB54" s="424"/>
      <c r="AC54" s="424"/>
      <c r="AD54" s="424"/>
      <c r="AE54" s="424"/>
      <c r="AF54" s="424"/>
      <c r="AG54" s="424"/>
      <c r="AH54" s="424"/>
      <c r="AI54" s="424"/>
      <c r="AJ54" s="424"/>
      <c r="AK54" s="424"/>
      <c r="AL54" s="411"/>
      <c r="AM54" s="411"/>
      <c r="AN54" s="411"/>
      <c r="AO54" s="411"/>
      <c r="AP54" s="411"/>
      <c r="AQ54" s="396"/>
      <c r="AR54" s="396"/>
      <c r="AS54" s="396"/>
      <c r="AT54" s="396"/>
      <c r="AU54" s="396"/>
      <c r="AV54" s="396"/>
      <c r="AW54" s="396"/>
      <c r="AX54" s="396"/>
      <c r="AY54" s="396"/>
      <c r="AZ54" s="396"/>
      <c r="BA54" s="396"/>
      <c r="BB54" s="396"/>
      <c r="BC54" s="396"/>
      <c r="BD54" s="396"/>
      <c r="BE54" s="396"/>
      <c r="BF54" s="396"/>
      <c r="BG54" s="396"/>
      <c r="BH54" s="396"/>
      <c r="BI54" s="396"/>
      <c r="BJ54" s="396"/>
      <c r="BK54" s="396"/>
      <c r="BL54" s="396"/>
      <c r="BM54" s="396"/>
      <c r="BN54" s="396"/>
      <c r="BO54" s="396"/>
      <c r="BP54" s="396"/>
      <c r="BQ54" s="396"/>
      <c r="BR54" s="396"/>
      <c r="BS54" s="396"/>
      <c r="BT54" s="396"/>
      <c r="BU54" s="396"/>
      <c r="BV54" s="396"/>
      <c r="BW54" s="396"/>
      <c r="BX54" s="396"/>
      <c r="BY54" s="396"/>
      <c r="BZ54" s="411"/>
    </row>
    <row r="55" spans="1:79" s="461" customFormat="1" ht="16.05" customHeight="1">
      <c r="A55" s="411"/>
      <c r="AJ55" s="424"/>
      <c r="AK55" s="424"/>
      <c r="AL55" s="411"/>
      <c r="AM55" s="411"/>
      <c r="AN55" s="411"/>
      <c r="AO55" s="411"/>
      <c r="AP55" s="411"/>
      <c r="AQ55" s="396"/>
      <c r="AR55" s="396"/>
      <c r="AS55" s="396"/>
      <c r="AT55" s="396"/>
      <c r="AU55" s="396"/>
      <c r="AV55" s="396"/>
      <c r="AW55" s="396"/>
      <c r="AX55" s="396"/>
      <c r="AY55" s="396"/>
      <c r="AZ55" s="396"/>
      <c r="BA55" s="396"/>
      <c r="BB55" s="396"/>
      <c r="BC55" s="396"/>
      <c r="BD55" s="396"/>
      <c r="BE55" s="396"/>
      <c r="BF55" s="396"/>
      <c r="BG55" s="396"/>
      <c r="BH55" s="396"/>
      <c r="BI55" s="396"/>
      <c r="BJ55" s="396"/>
      <c r="BK55" s="396"/>
      <c r="BL55" s="396"/>
      <c r="BM55" s="396"/>
      <c r="BN55" s="396"/>
      <c r="BO55" s="396"/>
      <c r="BP55" s="396"/>
      <c r="BQ55" s="396"/>
      <c r="BR55" s="396"/>
      <c r="BS55" s="396"/>
      <c r="BT55" s="396"/>
      <c r="BU55" s="396"/>
      <c r="BV55" s="396"/>
      <c r="BW55" s="396"/>
      <c r="BX55" s="396"/>
      <c r="BY55" s="396"/>
      <c r="BZ55" s="411"/>
    </row>
    <row r="56" spans="1:79" s="461" customFormat="1" ht="16.05" customHeight="1">
      <c r="A56" s="411"/>
      <c r="AJ56" s="424"/>
      <c r="AK56" s="424"/>
      <c r="AL56" s="411"/>
      <c r="AM56" s="411"/>
      <c r="AN56" s="411"/>
      <c r="AO56" s="411"/>
      <c r="AP56" s="411"/>
      <c r="AQ56" s="396"/>
      <c r="AR56" s="396"/>
      <c r="AS56" s="396"/>
      <c r="AT56" s="396"/>
      <c r="AU56" s="396"/>
      <c r="AV56" s="396"/>
      <c r="AW56" s="396"/>
      <c r="AX56" s="396"/>
      <c r="AY56" s="396"/>
      <c r="AZ56" s="396"/>
      <c r="BA56" s="396"/>
      <c r="BB56" s="396"/>
      <c r="BC56" s="396"/>
      <c r="BD56" s="396"/>
      <c r="BE56" s="396"/>
      <c r="BF56" s="396"/>
      <c r="BG56" s="396"/>
      <c r="BH56" s="396"/>
      <c r="BI56" s="396"/>
      <c r="BJ56" s="396"/>
      <c r="BK56" s="396"/>
      <c r="BL56" s="396"/>
      <c r="BM56" s="396"/>
      <c r="BN56" s="396"/>
      <c r="BO56" s="396"/>
      <c r="BP56" s="396"/>
      <c r="BQ56" s="396"/>
      <c r="BR56" s="396"/>
      <c r="BS56" s="396"/>
      <c r="BT56" s="396"/>
      <c r="BU56" s="396"/>
      <c r="BV56" s="396"/>
      <c r="BW56" s="396"/>
      <c r="BX56" s="396"/>
      <c r="BY56" s="396"/>
      <c r="BZ56" s="411"/>
    </row>
    <row r="57" spans="1:79" s="461" customFormat="1" ht="16.05" customHeight="1">
      <c r="A57" s="411"/>
      <c r="AJ57" s="424"/>
      <c r="AK57" s="424"/>
      <c r="AL57" s="411"/>
      <c r="AM57" s="411"/>
      <c r="AN57" s="411"/>
      <c r="AO57" s="411"/>
      <c r="AP57" s="411"/>
      <c r="AQ57" s="396"/>
      <c r="AR57" s="396"/>
      <c r="AS57" s="396"/>
      <c r="AT57" s="396"/>
      <c r="AU57" s="396"/>
      <c r="AV57" s="396"/>
      <c r="AW57" s="396"/>
      <c r="AX57" s="396"/>
      <c r="AY57" s="396"/>
      <c r="AZ57" s="396"/>
      <c r="BA57" s="396"/>
      <c r="BB57" s="396"/>
      <c r="BC57" s="396"/>
      <c r="BD57" s="396"/>
      <c r="BE57" s="396"/>
      <c r="BF57" s="396"/>
      <c r="BG57" s="396"/>
      <c r="BH57" s="396"/>
      <c r="BI57" s="396"/>
      <c r="BJ57" s="396"/>
      <c r="BK57" s="396"/>
      <c r="BL57" s="396"/>
      <c r="BM57" s="396"/>
      <c r="BN57" s="396"/>
      <c r="BO57" s="396"/>
      <c r="BP57" s="396"/>
      <c r="BQ57" s="396"/>
      <c r="BR57" s="396"/>
      <c r="BS57" s="396"/>
      <c r="BT57" s="396"/>
      <c r="BU57" s="396"/>
      <c r="BV57" s="396"/>
      <c r="BW57" s="396"/>
      <c r="BX57" s="396"/>
      <c r="BY57" s="396"/>
      <c r="BZ57" s="411"/>
    </row>
    <row r="58" spans="1:79" s="461" customFormat="1" ht="16.05" customHeight="1">
      <c r="A58" s="411"/>
      <c r="AJ58" s="424"/>
      <c r="AK58" s="424"/>
      <c r="AL58" s="411"/>
      <c r="AM58" s="411"/>
      <c r="AN58" s="411"/>
      <c r="AO58" s="411"/>
      <c r="AP58" s="411"/>
      <c r="AQ58" s="396"/>
      <c r="AR58" s="396"/>
      <c r="AS58" s="396"/>
      <c r="AT58" s="396"/>
      <c r="AU58" s="396"/>
      <c r="AV58" s="396"/>
      <c r="AW58" s="396"/>
      <c r="AX58" s="396"/>
      <c r="AY58" s="396"/>
      <c r="AZ58" s="396"/>
      <c r="BA58" s="396"/>
      <c r="BB58" s="396"/>
      <c r="BC58" s="396"/>
      <c r="BD58" s="396"/>
      <c r="BE58" s="396"/>
      <c r="BF58" s="396"/>
      <c r="BG58" s="396"/>
      <c r="BH58" s="396"/>
      <c r="BI58" s="396"/>
      <c r="BJ58" s="396"/>
      <c r="BK58" s="396"/>
      <c r="BL58" s="396"/>
      <c r="BM58" s="396"/>
      <c r="BN58" s="396"/>
      <c r="BO58" s="396"/>
      <c r="BP58" s="396"/>
      <c r="BQ58" s="396"/>
      <c r="BR58" s="396"/>
      <c r="BS58" s="396"/>
      <c r="BT58" s="396"/>
      <c r="BU58" s="396"/>
      <c r="BV58" s="396"/>
      <c r="BW58" s="396"/>
      <c r="BX58" s="396"/>
      <c r="BY58" s="396"/>
      <c r="BZ58" s="411"/>
    </row>
    <row r="59" spans="1:79" s="461" customFormat="1" ht="16.05" customHeight="1">
      <c r="A59" s="411"/>
      <c r="AJ59" s="424"/>
      <c r="AK59" s="424"/>
      <c r="AL59" s="411"/>
      <c r="AM59" s="411"/>
      <c r="AN59" s="411"/>
      <c r="AO59" s="411"/>
      <c r="AP59" s="411"/>
      <c r="AQ59" s="396"/>
      <c r="AR59" s="396"/>
      <c r="AS59" s="396"/>
      <c r="AT59" s="396"/>
      <c r="AU59" s="396"/>
      <c r="AV59" s="396"/>
      <c r="AW59" s="396"/>
      <c r="AX59" s="396"/>
      <c r="AY59" s="396"/>
      <c r="AZ59" s="396"/>
      <c r="BA59" s="396"/>
      <c r="BB59" s="396"/>
      <c r="BC59" s="396"/>
      <c r="BD59" s="396"/>
      <c r="BE59" s="396"/>
      <c r="BF59" s="396"/>
      <c r="BG59" s="396"/>
      <c r="BH59" s="396"/>
      <c r="BI59" s="396"/>
      <c r="BJ59" s="396"/>
      <c r="BK59" s="396"/>
      <c r="BL59" s="396"/>
      <c r="BM59" s="396"/>
      <c r="BN59" s="396"/>
      <c r="BO59" s="396"/>
      <c r="BP59" s="396"/>
      <c r="BQ59" s="396"/>
      <c r="BR59" s="396"/>
      <c r="BS59" s="396"/>
      <c r="BT59" s="396"/>
      <c r="BU59" s="396"/>
      <c r="BV59" s="396"/>
      <c r="BW59" s="396"/>
      <c r="BX59" s="396"/>
      <c r="BY59" s="396"/>
      <c r="BZ59" s="411"/>
    </row>
    <row r="60" spans="1:79" s="461" customFormat="1" ht="16.05" customHeight="1">
      <c r="A60" s="411"/>
      <c r="AJ60" s="424"/>
      <c r="AK60" s="424"/>
      <c r="AL60" s="411"/>
      <c r="AM60" s="411"/>
      <c r="AN60" s="411"/>
      <c r="AO60" s="411"/>
      <c r="AP60" s="411"/>
      <c r="AQ60" s="396"/>
      <c r="AR60" s="396"/>
      <c r="AS60" s="396"/>
      <c r="AT60" s="396"/>
      <c r="AU60" s="396"/>
      <c r="AV60" s="396"/>
      <c r="AW60" s="396"/>
      <c r="AX60" s="396"/>
      <c r="AY60" s="396"/>
      <c r="AZ60" s="396"/>
      <c r="BA60" s="396"/>
      <c r="BB60" s="396"/>
      <c r="BC60" s="396"/>
      <c r="BD60" s="396"/>
      <c r="BE60" s="396"/>
      <c r="BF60" s="396"/>
      <c r="BG60" s="396"/>
      <c r="BH60" s="396"/>
      <c r="BI60" s="396"/>
      <c r="BJ60" s="396"/>
      <c r="BK60" s="396"/>
      <c r="BL60" s="396"/>
      <c r="BM60" s="396"/>
      <c r="BN60" s="396"/>
      <c r="BO60" s="396"/>
      <c r="BP60" s="396"/>
      <c r="BQ60" s="396"/>
      <c r="BR60" s="396"/>
      <c r="BS60" s="396"/>
      <c r="BT60" s="396"/>
      <c r="BU60" s="396"/>
      <c r="BV60" s="396"/>
      <c r="BW60" s="396"/>
      <c r="BX60" s="396"/>
      <c r="BY60" s="396"/>
      <c r="BZ60" s="411"/>
    </row>
    <row r="61" spans="1:79" s="461" customFormat="1" ht="16.05" customHeight="1">
      <c r="A61" s="411"/>
      <c r="AJ61" s="424"/>
      <c r="AK61" s="424"/>
      <c r="AL61" s="411"/>
      <c r="AM61" s="411"/>
      <c r="AN61" s="411"/>
      <c r="AO61" s="411"/>
      <c r="AP61" s="411"/>
      <c r="AQ61" s="396"/>
      <c r="AR61" s="396"/>
      <c r="AS61" s="396"/>
      <c r="AT61" s="396"/>
      <c r="AU61" s="396"/>
      <c r="AV61" s="396"/>
      <c r="AW61" s="396"/>
      <c r="AX61" s="396"/>
      <c r="AY61" s="396"/>
      <c r="AZ61" s="396"/>
      <c r="BA61" s="396"/>
      <c r="BB61" s="396"/>
      <c r="BC61" s="396"/>
      <c r="BD61" s="396"/>
      <c r="BE61" s="396"/>
      <c r="BF61" s="396"/>
      <c r="BG61" s="396"/>
      <c r="BH61" s="396"/>
      <c r="BI61" s="396"/>
      <c r="BJ61" s="396"/>
      <c r="BK61" s="396"/>
      <c r="BL61" s="396"/>
      <c r="BM61" s="396"/>
      <c r="BN61" s="396"/>
      <c r="BO61" s="396"/>
      <c r="BP61" s="396"/>
      <c r="BQ61" s="396"/>
      <c r="BR61" s="396"/>
      <c r="BS61" s="396"/>
      <c r="BT61" s="396"/>
      <c r="BU61" s="396"/>
      <c r="BV61" s="396"/>
      <c r="BW61" s="396"/>
      <c r="BX61" s="396"/>
      <c r="BY61" s="396"/>
      <c r="BZ61" s="411"/>
    </row>
    <row r="62" spans="1:79" s="461" customFormat="1" ht="16.05" customHeight="1">
      <c r="A62" s="411"/>
      <c r="AJ62" s="424"/>
      <c r="AK62" s="424"/>
      <c r="AL62" s="411"/>
      <c r="AM62" s="411"/>
      <c r="AN62" s="411"/>
      <c r="AO62" s="411"/>
      <c r="AP62" s="411"/>
      <c r="AQ62" s="396"/>
      <c r="AR62" s="396"/>
      <c r="AS62" s="396"/>
      <c r="AT62" s="396"/>
      <c r="AU62" s="396"/>
      <c r="AV62" s="396"/>
      <c r="AW62" s="396"/>
      <c r="AX62" s="396"/>
      <c r="AY62" s="396"/>
      <c r="AZ62" s="396"/>
      <c r="BA62" s="396"/>
      <c r="BB62" s="396"/>
      <c r="BC62" s="396"/>
      <c r="BD62" s="396"/>
      <c r="BE62" s="396"/>
      <c r="BF62" s="396"/>
      <c r="BG62" s="396"/>
      <c r="BH62" s="396"/>
      <c r="BI62" s="396"/>
      <c r="BJ62" s="396"/>
      <c r="BK62" s="396"/>
      <c r="BL62" s="396"/>
      <c r="BM62" s="396"/>
      <c r="BN62" s="396"/>
      <c r="BO62" s="396"/>
      <c r="BP62" s="396"/>
      <c r="BQ62" s="396"/>
      <c r="BR62" s="396"/>
      <c r="BS62" s="396"/>
      <c r="BT62" s="396"/>
      <c r="BU62" s="396"/>
      <c r="BV62" s="396"/>
      <c r="BW62" s="396"/>
      <c r="BX62" s="396"/>
      <c r="BY62" s="396"/>
      <c r="BZ62" s="411"/>
    </row>
    <row r="63" spans="1:79" s="461" customFormat="1" ht="16.05" customHeight="1">
      <c r="A63" s="411"/>
      <c r="AJ63" s="424"/>
      <c r="AK63" s="424"/>
      <c r="AL63" s="411"/>
      <c r="AM63" s="411"/>
      <c r="AN63" s="411"/>
      <c r="AO63" s="411"/>
      <c r="AP63" s="411"/>
      <c r="AQ63" s="396"/>
      <c r="AR63" s="396"/>
      <c r="AS63" s="396"/>
      <c r="AT63" s="396"/>
      <c r="AU63" s="396"/>
      <c r="AV63" s="396"/>
      <c r="AW63" s="396"/>
      <c r="AX63" s="396"/>
      <c r="AY63" s="396"/>
      <c r="AZ63" s="396"/>
      <c r="BA63" s="396"/>
      <c r="BB63" s="396"/>
      <c r="BC63" s="396"/>
      <c r="BD63" s="396"/>
      <c r="BE63" s="396"/>
      <c r="BF63" s="396"/>
      <c r="BG63" s="396"/>
      <c r="BH63" s="396"/>
      <c r="BI63" s="396"/>
      <c r="BJ63" s="396"/>
      <c r="BK63" s="396"/>
      <c r="BL63" s="396"/>
      <c r="BM63" s="396"/>
      <c r="BN63" s="396"/>
      <c r="BO63" s="396"/>
      <c r="BP63" s="396"/>
      <c r="BQ63" s="396"/>
      <c r="BR63" s="396"/>
      <c r="BS63" s="396"/>
      <c r="BT63" s="396"/>
      <c r="BU63" s="396"/>
      <c r="BV63" s="396"/>
      <c r="BW63" s="396"/>
      <c r="BX63" s="396"/>
      <c r="BY63" s="396"/>
      <c r="BZ63" s="411"/>
    </row>
    <row r="64" spans="1:79" s="461" customFormat="1" ht="16.05" customHeight="1">
      <c r="A64" s="396"/>
      <c r="AJ64" s="424"/>
      <c r="AK64" s="424"/>
      <c r="AL64" s="396"/>
      <c r="AM64" s="396"/>
      <c r="AN64" s="396"/>
      <c r="AO64" s="396"/>
      <c r="AP64" s="396"/>
      <c r="AQ64" s="396"/>
      <c r="AR64" s="396"/>
      <c r="AS64" s="396"/>
      <c r="AT64" s="396"/>
      <c r="AU64" s="396"/>
      <c r="AV64" s="396"/>
      <c r="AW64" s="396"/>
      <c r="AX64" s="396"/>
      <c r="AY64" s="396"/>
      <c r="AZ64" s="396"/>
      <c r="BA64" s="396"/>
      <c r="BB64" s="396"/>
      <c r="BC64" s="396"/>
      <c r="BD64" s="396"/>
      <c r="BE64" s="396"/>
      <c r="BF64" s="396"/>
      <c r="BG64" s="396"/>
      <c r="BH64" s="396"/>
      <c r="BI64" s="396"/>
      <c r="BJ64" s="396"/>
      <c r="BK64" s="396"/>
      <c r="BL64" s="396"/>
      <c r="BM64" s="396"/>
      <c r="BN64" s="396"/>
      <c r="BO64" s="396"/>
      <c r="BP64" s="396"/>
      <c r="BQ64" s="396"/>
      <c r="BR64" s="396"/>
      <c r="BS64" s="396"/>
      <c r="BT64" s="396"/>
      <c r="BU64" s="396"/>
      <c r="BV64" s="396"/>
      <c r="BW64" s="396"/>
      <c r="BX64" s="396"/>
      <c r="BY64" s="396"/>
      <c r="BZ64" s="411"/>
    </row>
    <row r="65" spans="1:79" s="461" customFormat="1" ht="16.05" customHeight="1">
      <c r="A65" s="396"/>
      <c r="AJ65" s="424"/>
      <c r="AK65" s="424"/>
      <c r="AL65" s="396"/>
      <c r="AM65" s="396"/>
      <c r="AN65" s="396"/>
      <c r="AO65" s="396"/>
      <c r="AP65" s="396"/>
      <c r="AQ65" s="396"/>
      <c r="AR65" s="396"/>
      <c r="AS65" s="396"/>
      <c r="AT65" s="396"/>
      <c r="AU65" s="396"/>
      <c r="AV65" s="396"/>
      <c r="AW65" s="396"/>
      <c r="AX65" s="396"/>
      <c r="AY65" s="396"/>
      <c r="AZ65" s="396"/>
      <c r="BA65" s="396"/>
      <c r="BB65" s="396"/>
      <c r="BC65" s="396"/>
      <c r="BD65" s="396"/>
      <c r="BE65" s="396"/>
      <c r="BF65" s="396"/>
      <c r="BG65" s="396"/>
      <c r="BH65" s="396"/>
      <c r="BI65" s="396"/>
      <c r="BJ65" s="396"/>
      <c r="BK65" s="396"/>
      <c r="BL65" s="396"/>
      <c r="BM65" s="396"/>
      <c r="BN65" s="396"/>
      <c r="BO65" s="396"/>
      <c r="BP65" s="396"/>
      <c r="BQ65" s="396"/>
      <c r="BR65" s="396"/>
      <c r="BS65" s="396"/>
      <c r="BT65" s="396"/>
      <c r="BU65" s="396"/>
      <c r="BV65" s="396"/>
      <c r="BW65" s="396"/>
      <c r="BX65" s="396"/>
      <c r="BY65" s="396"/>
      <c r="BZ65" s="411"/>
    </row>
    <row r="66" spans="1:79" s="461" customFormat="1" ht="16.05" customHeight="1">
      <c r="A66" s="396"/>
      <c r="B66" s="396"/>
      <c r="C66" s="396"/>
      <c r="D66" s="396"/>
      <c r="E66" s="396"/>
      <c r="F66" s="396"/>
      <c r="G66" s="396"/>
      <c r="H66" s="396"/>
      <c r="I66" s="396"/>
      <c r="J66" s="396"/>
      <c r="K66" s="396"/>
      <c r="L66" s="396"/>
      <c r="M66" s="396"/>
      <c r="N66" s="396"/>
      <c r="O66" s="396"/>
      <c r="P66" s="396"/>
      <c r="Q66" s="396"/>
      <c r="R66" s="396"/>
      <c r="S66" s="396"/>
      <c r="T66" s="396"/>
      <c r="U66" s="396"/>
      <c r="V66" s="396"/>
      <c r="W66" s="396"/>
      <c r="X66" s="396"/>
      <c r="Y66" s="396"/>
      <c r="Z66" s="396"/>
      <c r="AA66" s="396"/>
      <c r="AB66" s="396"/>
      <c r="AC66" s="396"/>
      <c r="AD66" s="396"/>
      <c r="AE66" s="396"/>
      <c r="AF66" s="396"/>
      <c r="AG66" s="396"/>
      <c r="AH66" s="396"/>
      <c r="AI66" s="396"/>
      <c r="AJ66" s="424"/>
      <c r="AK66" s="424"/>
      <c r="AL66" s="396"/>
      <c r="AM66" s="396"/>
      <c r="AN66" s="396"/>
      <c r="AO66" s="396"/>
      <c r="AP66" s="396"/>
      <c r="AQ66" s="396"/>
      <c r="AR66" s="396"/>
      <c r="AS66" s="396"/>
      <c r="AT66" s="396"/>
      <c r="AU66" s="396"/>
      <c r="AV66" s="396"/>
      <c r="AW66" s="396"/>
      <c r="AX66" s="396"/>
      <c r="AY66" s="396"/>
      <c r="AZ66" s="396"/>
      <c r="BA66" s="396"/>
      <c r="BB66" s="396"/>
      <c r="BC66" s="396"/>
      <c r="BD66" s="396"/>
      <c r="BE66" s="396"/>
      <c r="BF66" s="396"/>
      <c r="BG66" s="396"/>
      <c r="BH66" s="396"/>
      <c r="BI66" s="396"/>
      <c r="BJ66" s="396"/>
      <c r="BK66" s="396"/>
      <c r="BL66" s="396"/>
      <c r="BM66" s="396"/>
      <c r="BN66" s="396"/>
      <c r="BO66" s="396"/>
      <c r="BP66" s="396"/>
      <c r="BQ66" s="396"/>
      <c r="BR66" s="396"/>
      <c r="BS66" s="396"/>
      <c r="BT66" s="396"/>
      <c r="BU66" s="396"/>
      <c r="BV66" s="396"/>
      <c r="BW66" s="396"/>
      <c r="BX66" s="396"/>
      <c r="BY66" s="396"/>
      <c r="BZ66" s="411"/>
      <c r="CA66" s="462"/>
    </row>
    <row r="67" spans="1:79" s="461" customFormat="1" ht="16.05" customHeight="1">
      <c r="A67" s="396"/>
      <c r="B67" s="396"/>
      <c r="C67" s="396"/>
      <c r="D67" s="396"/>
      <c r="E67" s="396"/>
      <c r="F67" s="396"/>
      <c r="G67" s="396"/>
      <c r="H67" s="396"/>
      <c r="I67" s="396"/>
      <c r="J67" s="396"/>
      <c r="K67" s="396"/>
      <c r="L67" s="396"/>
      <c r="M67" s="396"/>
      <c r="N67" s="396"/>
      <c r="O67" s="396"/>
      <c r="P67" s="396"/>
      <c r="Q67" s="396"/>
      <c r="R67" s="396"/>
      <c r="S67" s="396"/>
      <c r="T67" s="396"/>
      <c r="U67" s="396"/>
      <c r="V67" s="396"/>
      <c r="W67" s="396"/>
      <c r="X67" s="396"/>
      <c r="Y67" s="396"/>
      <c r="Z67" s="396"/>
      <c r="AA67" s="396"/>
      <c r="AB67" s="396"/>
      <c r="AC67" s="396"/>
      <c r="AD67" s="396"/>
      <c r="AE67" s="396"/>
      <c r="AF67" s="396"/>
      <c r="AG67" s="396"/>
      <c r="AH67" s="396"/>
      <c r="AI67" s="396"/>
      <c r="AJ67" s="424"/>
      <c r="AK67" s="424"/>
      <c r="AL67" s="396"/>
      <c r="AM67" s="396"/>
      <c r="AN67" s="396"/>
      <c r="AO67" s="396"/>
      <c r="AP67" s="396"/>
      <c r="AQ67" s="396"/>
      <c r="AR67" s="396"/>
      <c r="AS67" s="396"/>
      <c r="AT67" s="396"/>
      <c r="AU67" s="396"/>
      <c r="AV67" s="396"/>
      <c r="AW67" s="396"/>
      <c r="AX67" s="396"/>
      <c r="AY67" s="396"/>
      <c r="AZ67" s="396"/>
      <c r="BA67" s="396"/>
      <c r="BB67" s="396"/>
      <c r="BC67" s="396"/>
      <c r="BD67" s="396"/>
      <c r="BE67" s="396"/>
      <c r="BF67" s="396"/>
      <c r="BG67" s="396"/>
      <c r="BH67" s="396"/>
      <c r="BI67" s="396"/>
      <c r="BJ67" s="396"/>
      <c r="BK67" s="396"/>
      <c r="BL67" s="396"/>
      <c r="BM67" s="396"/>
      <c r="BN67" s="396"/>
      <c r="BO67" s="396"/>
      <c r="BP67" s="396"/>
      <c r="BQ67" s="396"/>
      <c r="BR67" s="396"/>
      <c r="BS67" s="396"/>
      <c r="BT67" s="396"/>
      <c r="BU67" s="396"/>
      <c r="BV67" s="396"/>
      <c r="BW67" s="396"/>
      <c r="BX67" s="396"/>
      <c r="BY67" s="396"/>
      <c r="BZ67" s="396"/>
      <c r="CA67" s="462"/>
    </row>
    <row r="68" spans="1:79" s="461" customFormat="1" ht="16.05" customHeight="1">
      <c r="A68" s="396"/>
      <c r="B68" s="396"/>
      <c r="C68" s="396"/>
      <c r="D68" s="396"/>
      <c r="E68" s="396"/>
      <c r="F68" s="396"/>
      <c r="G68" s="396"/>
      <c r="H68" s="396"/>
      <c r="I68" s="396"/>
      <c r="J68" s="396"/>
      <c r="K68" s="396"/>
      <c r="L68" s="396"/>
      <c r="M68" s="396"/>
      <c r="N68" s="396"/>
      <c r="O68" s="396"/>
      <c r="P68" s="396"/>
      <c r="Q68" s="396"/>
      <c r="R68" s="396"/>
      <c r="S68" s="396"/>
      <c r="T68" s="396"/>
      <c r="U68" s="396"/>
      <c r="V68" s="396"/>
      <c r="W68" s="396"/>
      <c r="X68" s="396"/>
      <c r="Y68" s="396"/>
      <c r="Z68" s="396"/>
      <c r="AA68" s="396"/>
      <c r="AB68" s="396"/>
      <c r="AC68" s="396"/>
      <c r="AD68" s="396"/>
      <c r="AE68" s="396"/>
      <c r="AF68" s="396"/>
      <c r="AG68" s="396"/>
      <c r="AH68" s="396"/>
      <c r="AI68" s="396"/>
      <c r="AJ68" s="424"/>
      <c r="AK68" s="424"/>
      <c r="AL68" s="396"/>
      <c r="AM68" s="396"/>
      <c r="AN68" s="396"/>
      <c r="AO68" s="396"/>
      <c r="AP68" s="396"/>
      <c r="AQ68" s="396"/>
      <c r="AR68" s="396"/>
      <c r="AS68" s="396"/>
      <c r="AT68" s="396"/>
      <c r="AU68" s="396"/>
      <c r="AV68" s="396"/>
      <c r="AW68" s="396"/>
      <c r="AX68" s="396"/>
      <c r="AY68" s="396"/>
      <c r="AZ68" s="396"/>
      <c r="BA68" s="396"/>
      <c r="BB68" s="396"/>
      <c r="BC68" s="396"/>
      <c r="BD68" s="396"/>
      <c r="BE68" s="396"/>
      <c r="BF68" s="396"/>
      <c r="BG68" s="396"/>
      <c r="BH68" s="396"/>
      <c r="BI68" s="396"/>
      <c r="BJ68" s="396"/>
      <c r="BK68" s="396"/>
      <c r="BL68" s="396"/>
      <c r="BM68" s="396"/>
      <c r="BN68" s="396"/>
      <c r="BO68" s="396"/>
      <c r="BP68" s="396"/>
      <c r="BQ68" s="396"/>
      <c r="BR68" s="396"/>
      <c r="BS68" s="396"/>
      <c r="BT68" s="396"/>
      <c r="BU68" s="396"/>
      <c r="BV68" s="396"/>
      <c r="BW68" s="396"/>
      <c r="BX68" s="396"/>
      <c r="BY68" s="396"/>
      <c r="BZ68" s="396"/>
      <c r="CA68" s="462"/>
    </row>
    <row r="69" spans="1:79" s="461" customFormat="1" ht="16.05" customHeight="1">
      <c r="A69" s="396"/>
      <c r="B69" s="396"/>
      <c r="C69" s="396"/>
      <c r="D69" s="396"/>
      <c r="E69" s="396"/>
      <c r="F69" s="396"/>
      <c r="G69" s="396"/>
      <c r="H69" s="396"/>
      <c r="I69" s="396"/>
      <c r="J69" s="396"/>
      <c r="K69" s="396"/>
      <c r="L69" s="396"/>
      <c r="M69" s="396"/>
      <c r="N69" s="396"/>
      <c r="O69" s="396"/>
      <c r="P69" s="396"/>
      <c r="Q69" s="396"/>
      <c r="R69" s="396"/>
      <c r="S69" s="396"/>
      <c r="T69" s="396"/>
      <c r="U69" s="396"/>
      <c r="V69" s="396"/>
      <c r="W69" s="396"/>
      <c r="X69" s="396"/>
      <c r="Y69" s="396"/>
      <c r="Z69" s="396"/>
      <c r="AA69" s="396"/>
      <c r="AB69" s="396"/>
      <c r="AC69" s="396"/>
      <c r="AD69" s="396"/>
      <c r="AE69" s="396"/>
      <c r="AF69" s="396"/>
      <c r="AG69" s="396"/>
      <c r="AH69" s="396"/>
      <c r="AI69" s="396"/>
      <c r="AJ69" s="424"/>
      <c r="AK69" s="424"/>
      <c r="AL69" s="396"/>
      <c r="AM69" s="396"/>
      <c r="AN69" s="396"/>
      <c r="AO69" s="396"/>
      <c r="AP69" s="396"/>
      <c r="AQ69" s="396"/>
      <c r="AR69" s="396"/>
      <c r="AS69" s="396"/>
      <c r="AT69" s="396"/>
      <c r="AU69" s="396"/>
      <c r="AV69" s="396"/>
      <c r="AW69" s="396"/>
      <c r="AX69" s="396"/>
      <c r="AY69" s="396"/>
      <c r="AZ69" s="396"/>
      <c r="BA69" s="396"/>
      <c r="BB69" s="396"/>
      <c r="BC69" s="396"/>
      <c r="BD69" s="396"/>
      <c r="BE69" s="396"/>
      <c r="BF69" s="396"/>
      <c r="BG69" s="396"/>
      <c r="BH69" s="396"/>
      <c r="BI69" s="396"/>
      <c r="BJ69" s="396"/>
      <c r="BK69" s="396"/>
      <c r="BL69" s="396"/>
      <c r="BM69" s="396"/>
      <c r="BN69" s="396"/>
      <c r="BO69" s="396"/>
      <c r="BP69" s="396"/>
      <c r="BQ69" s="396"/>
      <c r="BR69" s="396"/>
      <c r="BS69" s="396"/>
      <c r="BT69" s="396"/>
      <c r="BU69" s="396"/>
      <c r="BV69" s="396"/>
      <c r="BW69" s="396"/>
      <c r="BX69" s="396"/>
      <c r="BY69" s="396"/>
      <c r="BZ69" s="396"/>
      <c r="CA69" s="462"/>
    </row>
    <row r="70" spans="1:79" s="461" customFormat="1" ht="16.05" customHeight="1">
      <c r="A70" s="396"/>
      <c r="B70" s="396"/>
      <c r="C70" s="396"/>
      <c r="D70" s="396"/>
      <c r="E70" s="396"/>
      <c r="F70" s="396"/>
      <c r="G70" s="396"/>
      <c r="H70" s="396"/>
      <c r="I70" s="396"/>
      <c r="J70" s="396"/>
      <c r="K70" s="396"/>
      <c r="L70" s="396"/>
      <c r="M70" s="396"/>
      <c r="N70" s="396"/>
      <c r="O70" s="396"/>
      <c r="P70" s="396"/>
      <c r="Q70" s="396"/>
      <c r="R70" s="396"/>
      <c r="S70" s="396"/>
      <c r="T70" s="396"/>
      <c r="U70" s="396"/>
      <c r="V70" s="396"/>
      <c r="W70" s="396"/>
      <c r="X70" s="396"/>
      <c r="Y70" s="396"/>
      <c r="Z70" s="396"/>
      <c r="AA70" s="396"/>
      <c r="AB70" s="396"/>
      <c r="AC70" s="396"/>
      <c r="AD70" s="396"/>
      <c r="AE70" s="396"/>
      <c r="AF70" s="396"/>
      <c r="AG70" s="396"/>
      <c r="AH70" s="396"/>
      <c r="AI70" s="396"/>
      <c r="AJ70" s="396"/>
      <c r="AK70" s="396"/>
      <c r="AL70" s="396"/>
      <c r="AM70" s="396"/>
      <c r="AN70" s="396"/>
      <c r="AO70" s="396"/>
      <c r="AP70" s="396"/>
      <c r="AQ70" s="396"/>
      <c r="AR70" s="396"/>
      <c r="AS70" s="396"/>
      <c r="AT70" s="396"/>
      <c r="AU70" s="396"/>
      <c r="AV70" s="396"/>
      <c r="AW70" s="396"/>
      <c r="AX70" s="396"/>
      <c r="AY70" s="396"/>
      <c r="AZ70" s="396"/>
      <c r="BA70" s="396"/>
      <c r="BB70" s="396"/>
      <c r="BC70" s="396"/>
      <c r="BD70" s="396"/>
      <c r="BE70" s="396"/>
      <c r="BF70" s="396"/>
      <c r="BG70" s="396"/>
      <c r="BH70" s="396"/>
      <c r="BI70" s="396"/>
      <c r="BJ70" s="396"/>
      <c r="BK70" s="396"/>
      <c r="BL70" s="396"/>
      <c r="BM70" s="396"/>
      <c r="BN70" s="396"/>
      <c r="BO70" s="396"/>
      <c r="BP70" s="396"/>
      <c r="BQ70" s="396"/>
      <c r="BR70" s="396"/>
      <c r="BS70" s="396"/>
      <c r="BT70" s="396"/>
      <c r="BU70" s="396"/>
      <c r="BV70" s="396"/>
      <c r="BW70" s="396"/>
      <c r="BX70" s="396"/>
      <c r="BY70" s="396"/>
      <c r="BZ70" s="396"/>
      <c r="CA70" s="462"/>
    </row>
  </sheetData>
  <mergeCells count="61">
    <mergeCell ref="AC19:AF19"/>
    <mergeCell ref="AC35:AF35"/>
    <mergeCell ref="AC26:AF26"/>
    <mergeCell ref="AC14:AF14"/>
    <mergeCell ref="AC15:AF15"/>
    <mergeCell ref="AC17:AF17"/>
    <mergeCell ref="BV14:BY14"/>
    <mergeCell ref="BV15:BY15"/>
    <mergeCell ref="A7:BY7"/>
    <mergeCell ref="AC8:AF8"/>
    <mergeCell ref="BV8:BY8"/>
    <mergeCell ref="AC9:AF9"/>
    <mergeCell ref="AC11:AF11"/>
    <mergeCell ref="BR9:BU9"/>
    <mergeCell ref="BV9:BY9"/>
    <mergeCell ref="BR10:BU10"/>
    <mergeCell ref="BV10:BY10"/>
    <mergeCell ref="AC10:AF10"/>
    <mergeCell ref="BV13:BY13"/>
    <mergeCell ref="P2:R4"/>
    <mergeCell ref="J5:J6"/>
    <mergeCell ref="M5:O6"/>
    <mergeCell ref="P5:R6"/>
    <mergeCell ref="BC2:BV3"/>
    <mergeCell ref="BC4:BV6"/>
    <mergeCell ref="AL45:AL46"/>
    <mergeCell ref="B2:C3"/>
    <mergeCell ref="D2:H3"/>
    <mergeCell ref="I2:J4"/>
    <mergeCell ref="K2:L6"/>
    <mergeCell ref="M2:O4"/>
    <mergeCell ref="B5:B6"/>
    <mergeCell ref="C5:C6"/>
    <mergeCell ref="D5:D6"/>
    <mergeCell ref="E5:E6"/>
    <mergeCell ref="F5:F6"/>
    <mergeCell ref="G5:G6"/>
    <mergeCell ref="H5:H6"/>
    <mergeCell ref="I5:I6"/>
    <mergeCell ref="AC12:AF12"/>
    <mergeCell ref="AC13:AF13"/>
    <mergeCell ref="BV16:BY16"/>
    <mergeCell ref="BV17:BY17"/>
    <mergeCell ref="BV18:BY18"/>
    <mergeCell ref="BV19:BY19"/>
    <mergeCell ref="BV42:BY42"/>
    <mergeCell ref="BV20:BY20"/>
    <mergeCell ref="BV21:BY21"/>
    <mergeCell ref="BV22:BY22"/>
    <mergeCell ref="BV23:BX23"/>
    <mergeCell ref="BV24:BX24"/>
    <mergeCell ref="BV38:BY38"/>
    <mergeCell ref="BV39:BY39"/>
    <mergeCell ref="BV33:BY33"/>
    <mergeCell ref="BV34:BY34"/>
    <mergeCell ref="BV35:BX35"/>
    <mergeCell ref="AC36:AF36"/>
    <mergeCell ref="BV32:BY32"/>
    <mergeCell ref="AC33:AF33"/>
    <mergeCell ref="BV40:BY40"/>
    <mergeCell ref="BV41:BY41"/>
  </mergeCells>
  <phoneticPr fontId="2"/>
  <printOptions horizontalCentered="1" verticalCentered="1"/>
  <pageMargins left="0.55118110236220474" right="0.19685039370078741" top="0.51181102362204722" bottom="0.31496062992125984" header="0.27559055118110237" footer="0.23622047244094491"/>
  <pageSetup paperSize="9" scale="60" orientation="landscape"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2:S196"/>
  <sheetViews>
    <sheetView view="pageBreakPreview" zoomScale="60" zoomScaleNormal="55" zoomScalePageLayoutView="70" workbookViewId="0">
      <selection activeCell="T189" sqref="T189"/>
    </sheetView>
  </sheetViews>
  <sheetFormatPr defaultRowHeight="27" customHeight="1"/>
  <cols>
    <col min="1" max="1" width="5" customWidth="1"/>
    <col min="2" max="19" width="9.296875" customWidth="1"/>
    <col min="20" max="20" width="37.69921875" bestFit="1" customWidth="1"/>
  </cols>
  <sheetData>
    <row r="2" spans="1:19" ht="38.25" customHeight="1">
      <c r="A2" s="69"/>
      <c r="B2" s="1165" t="s">
        <v>477</v>
      </c>
      <c r="C2" s="1165"/>
      <c r="D2" s="1165"/>
      <c r="E2" s="1165"/>
      <c r="F2" s="1165"/>
      <c r="G2" s="1165"/>
      <c r="H2" s="1165"/>
      <c r="I2" s="1165"/>
      <c r="J2" s="1165"/>
      <c r="K2" s="1165"/>
      <c r="L2" s="1165"/>
      <c r="M2" s="1165"/>
      <c r="N2" s="1165"/>
      <c r="O2" s="1165"/>
      <c r="P2" s="1165"/>
      <c r="Q2" s="21"/>
      <c r="R2" s="21"/>
      <c r="S2" s="21"/>
    </row>
    <row r="3" spans="1:19" ht="24.75" customHeight="1">
      <c r="A3" s="69"/>
      <c r="B3" s="326"/>
      <c r="C3" s="326"/>
      <c r="D3" s="326"/>
      <c r="E3" s="326"/>
      <c r="F3" s="326"/>
      <c r="G3" s="326"/>
      <c r="H3" s="326"/>
      <c r="I3" s="326"/>
      <c r="J3" s="326"/>
      <c r="K3" s="326"/>
      <c r="L3" s="326"/>
      <c r="M3" s="326"/>
      <c r="N3" s="326"/>
      <c r="O3" s="326"/>
      <c r="P3" s="326"/>
      <c r="Q3" s="21"/>
      <c r="R3" s="21"/>
      <c r="S3" s="21"/>
    </row>
    <row r="4" spans="1:19" ht="24.45" customHeight="1">
      <c r="A4" s="69"/>
      <c r="B4" s="1166" t="s">
        <v>478</v>
      </c>
      <c r="C4" s="1166"/>
      <c r="D4" s="1166"/>
      <c r="E4" s="1166"/>
      <c r="F4" s="1166"/>
      <c r="G4" s="1166"/>
      <c r="H4" s="1166"/>
      <c r="I4" s="1166"/>
      <c r="J4" s="1166"/>
      <c r="K4" s="1166"/>
      <c r="L4" s="1166"/>
      <c r="M4" s="1166"/>
      <c r="N4" s="1166"/>
      <c r="O4" s="1166"/>
      <c r="P4" s="1166"/>
      <c r="Q4" s="1166"/>
      <c r="R4" s="1166"/>
      <c r="S4" s="326"/>
    </row>
    <row r="5" spans="1:19" ht="24.45" customHeight="1">
      <c r="A5" s="69"/>
      <c r="B5" s="1166"/>
      <c r="C5" s="1166"/>
      <c r="D5" s="1166"/>
      <c r="E5" s="1166"/>
      <c r="F5" s="1166"/>
      <c r="G5" s="1166"/>
      <c r="H5" s="1166"/>
      <c r="I5" s="1166"/>
      <c r="J5" s="1166"/>
      <c r="K5" s="1166"/>
      <c r="L5" s="1166"/>
      <c r="M5" s="1166"/>
      <c r="N5" s="1166"/>
      <c r="O5" s="1166"/>
      <c r="P5" s="1166"/>
      <c r="Q5" s="1166"/>
      <c r="R5" s="1166"/>
      <c r="S5" s="326"/>
    </row>
    <row r="6" spans="1:19" ht="24.45" customHeight="1">
      <c r="A6" s="287"/>
      <c r="B6" s="1166"/>
      <c r="C6" s="1166"/>
      <c r="D6" s="1166"/>
      <c r="E6" s="1166"/>
      <c r="F6" s="1166"/>
      <c r="G6" s="1166"/>
      <c r="H6" s="1166"/>
      <c r="I6" s="1166"/>
      <c r="J6" s="1166"/>
      <c r="K6" s="1166"/>
      <c r="L6" s="1166"/>
      <c r="M6" s="1166"/>
      <c r="N6" s="1166"/>
      <c r="O6" s="1166"/>
      <c r="P6" s="1166"/>
      <c r="Q6" s="1166"/>
      <c r="R6" s="1166"/>
      <c r="S6" s="326"/>
    </row>
    <row r="7" spans="1:19" ht="24.45" customHeight="1">
      <c r="A7" s="287"/>
      <c r="B7" s="1167" t="s">
        <v>599</v>
      </c>
      <c r="C7" s="1167"/>
      <c r="D7" s="1167"/>
      <c r="E7" s="1167"/>
      <c r="F7" s="1167"/>
      <c r="G7" s="1167"/>
      <c r="H7" s="1167"/>
      <c r="I7" s="1167"/>
      <c r="J7" s="1167"/>
      <c r="K7" s="1167"/>
      <c r="L7" s="1167"/>
      <c r="M7" s="1167"/>
      <c r="N7" s="1167"/>
      <c r="O7" s="1167"/>
      <c r="P7" s="1167"/>
      <c r="Q7" s="1167"/>
      <c r="R7" s="1167"/>
      <c r="S7" s="364"/>
    </row>
    <row r="8" spans="1:19" ht="24.45" customHeight="1">
      <c r="A8" s="287"/>
      <c r="B8" s="1167"/>
      <c r="C8" s="1167"/>
      <c r="D8" s="1167"/>
      <c r="E8" s="1167"/>
      <c r="F8" s="1167"/>
      <c r="G8" s="1167"/>
      <c r="H8" s="1167"/>
      <c r="I8" s="1167"/>
      <c r="J8" s="1167"/>
      <c r="K8" s="1167"/>
      <c r="L8" s="1167"/>
      <c r="M8" s="1167"/>
      <c r="N8" s="1167"/>
      <c r="O8" s="1167"/>
      <c r="P8" s="1167"/>
      <c r="Q8" s="1167"/>
      <c r="R8" s="1167"/>
      <c r="S8" s="364"/>
    </row>
    <row r="9" spans="1:19" ht="26.25" customHeight="1">
      <c r="A9" s="21"/>
      <c r="B9" s="21"/>
      <c r="C9" s="21"/>
      <c r="D9" s="21"/>
      <c r="E9" s="21"/>
      <c r="F9" s="21"/>
      <c r="G9" s="21"/>
      <c r="H9" s="21"/>
      <c r="I9" s="21"/>
      <c r="J9" s="21"/>
      <c r="K9" s="21"/>
      <c r="L9" s="21"/>
      <c r="M9" s="21"/>
      <c r="N9" s="21"/>
      <c r="O9" s="21"/>
      <c r="P9" s="21"/>
      <c r="Q9" s="21"/>
      <c r="R9" s="21"/>
      <c r="S9" s="326"/>
    </row>
    <row r="10" spans="1:19" ht="27" customHeight="1">
      <c r="A10" s="21"/>
      <c r="B10" s="328" t="s">
        <v>479</v>
      </c>
      <c r="C10" s="326"/>
      <c r="D10" s="327"/>
      <c r="E10" s="21"/>
      <c r="F10" s="21"/>
      <c r="G10" s="21"/>
      <c r="H10" s="21"/>
      <c r="I10" s="21"/>
      <c r="J10" s="21"/>
      <c r="K10" s="21"/>
      <c r="L10" s="21"/>
      <c r="M10" s="21"/>
      <c r="N10" s="21"/>
      <c r="O10" s="21"/>
      <c r="P10" s="21"/>
      <c r="Q10" s="21"/>
      <c r="R10" s="21"/>
      <c r="S10" s="307"/>
    </row>
    <row r="11" spans="1:19" ht="27" customHeight="1">
      <c r="A11" s="21"/>
      <c r="B11" s="389" t="s">
        <v>781</v>
      </c>
      <c r="C11" s="326"/>
      <c r="D11" s="327"/>
      <c r="E11" s="21"/>
      <c r="F11" s="21"/>
      <c r="G11" s="21"/>
      <c r="H11" s="21"/>
      <c r="I11" s="21"/>
      <c r="J11" s="21"/>
      <c r="K11" s="21"/>
      <c r="L11" s="21"/>
      <c r="M11" s="21"/>
      <c r="N11" s="21"/>
      <c r="O11" s="21"/>
      <c r="P11" s="21"/>
      <c r="Q11" s="21"/>
      <c r="R11" s="21"/>
      <c r="S11" s="307"/>
    </row>
    <row r="12" spans="1:19" ht="27" customHeight="1">
      <c r="A12" s="21"/>
      <c r="B12" s="330" t="s">
        <v>480</v>
      </c>
      <c r="C12" s="331"/>
      <c r="D12" s="332"/>
      <c r="E12" s="331"/>
      <c r="F12" s="331"/>
      <c r="G12" s="332"/>
      <c r="H12" s="332"/>
      <c r="I12" s="332"/>
      <c r="J12" s="332"/>
      <c r="K12" s="332"/>
      <c r="L12" s="332"/>
      <c r="M12" s="21"/>
      <c r="N12" s="332"/>
      <c r="O12" s="333"/>
      <c r="P12" s="21"/>
      <c r="Q12" s="21"/>
      <c r="R12" s="21"/>
      <c r="S12" s="307"/>
    </row>
    <row r="13" spans="1:19" ht="27" customHeight="1">
      <c r="A13" s="21"/>
      <c r="B13" s="330" t="s">
        <v>481</v>
      </c>
      <c r="C13" s="331"/>
      <c r="D13" s="334"/>
      <c r="E13" s="331"/>
      <c r="F13" s="331"/>
      <c r="G13" s="332"/>
      <c r="H13" s="332"/>
      <c r="I13" s="332"/>
      <c r="J13" s="332"/>
      <c r="K13" s="332"/>
      <c r="L13" s="332"/>
      <c r="M13" s="21"/>
      <c r="N13" s="332"/>
      <c r="O13" s="333"/>
      <c r="P13" s="21"/>
      <c r="Q13" s="21"/>
      <c r="R13" s="21"/>
      <c r="S13" s="307"/>
    </row>
    <row r="14" spans="1:19" ht="27" customHeight="1">
      <c r="A14" s="21"/>
      <c r="B14" s="330" t="s">
        <v>482</v>
      </c>
      <c r="C14" s="326"/>
      <c r="D14" s="327"/>
      <c r="E14" s="21"/>
      <c r="F14" s="21"/>
      <c r="G14" s="21"/>
      <c r="H14" s="21"/>
      <c r="I14" s="21"/>
      <c r="J14" s="21"/>
      <c r="K14" s="21"/>
      <c r="L14" s="21"/>
      <c r="M14" s="21"/>
      <c r="N14" s="21"/>
      <c r="O14" s="21"/>
      <c r="P14" s="21"/>
      <c r="Q14" s="21"/>
      <c r="R14" s="21"/>
      <c r="S14" s="307"/>
    </row>
    <row r="15" spans="1:19" ht="27" customHeight="1">
      <c r="A15" s="21"/>
      <c r="B15" s="330" t="s">
        <v>483</v>
      </c>
      <c r="C15" s="326"/>
      <c r="D15" s="327"/>
      <c r="E15" s="21"/>
      <c r="F15" s="21"/>
      <c r="G15" s="21"/>
      <c r="H15" s="21"/>
      <c r="I15" s="21"/>
      <c r="J15" s="21"/>
      <c r="K15" s="21"/>
      <c r="L15" s="21"/>
      <c r="M15" s="21"/>
      <c r="N15" s="21"/>
      <c r="O15" s="21"/>
      <c r="P15" s="21"/>
      <c r="Q15" s="21"/>
      <c r="R15" s="21"/>
      <c r="S15" s="307"/>
    </row>
    <row r="16" spans="1:19" ht="27" customHeight="1">
      <c r="A16" s="21"/>
      <c r="B16" s="330"/>
      <c r="C16" s="364"/>
      <c r="D16" s="327"/>
      <c r="E16" s="21"/>
      <c r="F16" s="21"/>
      <c r="G16" s="21"/>
      <c r="H16" s="21"/>
      <c r="I16" s="21"/>
      <c r="J16" s="21"/>
      <c r="K16" s="21"/>
      <c r="L16" s="21"/>
      <c r="M16" s="21"/>
      <c r="N16" s="21"/>
      <c r="O16" s="21"/>
      <c r="P16" s="21"/>
      <c r="Q16" s="21"/>
      <c r="R16" s="21"/>
      <c r="S16" s="307"/>
    </row>
    <row r="17" spans="1:19" ht="27" customHeight="1">
      <c r="A17" s="21"/>
      <c r="B17" s="328"/>
      <c r="C17" s="326"/>
      <c r="D17" s="327"/>
      <c r="E17" s="21"/>
      <c r="F17" s="21"/>
      <c r="G17" s="21"/>
      <c r="H17" s="21"/>
      <c r="I17" s="21"/>
      <c r="J17" s="21"/>
      <c r="K17" s="21"/>
      <c r="L17" s="21"/>
      <c r="M17" s="21"/>
      <c r="N17" s="21"/>
      <c r="O17" s="21"/>
      <c r="P17" s="21"/>
      <c r="Q17" s="21"/>
      <c r="R17" s="21"/>
      <c r="S17" s="307"/>
    </row>
    <row r="18" spans="1:19" ht="27" customHeight="1">
      <c r="A18" s="21"/>
      <c r="B18" s="328"/>
      <c r="C18" s="326"/>
      <c r="D18" s="327"/>
      <c r="E18" s="21"/>
      <c r="F18" s="21"/>
      <c r="G18" s="21"/>
      <c r="H18" s="21"/>
      <c r="I18" s="21"/>
      <c r="J18" s="21"/>
      <c r="K18" s="21"/>
      <c r="L18" s="21"/>
      <c r="M18" s="21"/>
      <c r="N18" s="21"/>
      <c r="O18" s="21"/>
      <c r="P18" s="21"/>
      <c r="Q18" s="21"/>
      <c r="R18" s="21"/>
      <c r="S18" s="307"/>
    </row>
    <row r="19" spans="1:19" ht="27" customHeight="1">
      <c r="A19" s="21"/>
      <c r="B19" s="328"/>
      <c r="C19" s="335"/>
      <c r="D19" s="335"/>
      <c r="E19" s="335"/>
      <c r="F19" s="21"/>
      <c r="G19" s="21"/>
      <c r="H19" s="21"/>
      <c r="I19" s="21"/>
      <c r="J19" s="21"/>
      <c r="K19" s="21"/>
      <c r="L19" s="21"/>
      <c r="M19" s="21"/>
      <c r="N19" s="21"/>
      <c r="O19" s="21"/>
      <c r="P19" s="307"/>
      <c r="Q19" s="307"/>
      <c r="R19" s="307"/>
      <c r="S19" s="307"/>
    </row>
    <row r="20" spans="1:19" ht="38.25" customHeight="1">
      <c r="A20" s="21"/>
      <c r="B20" s="336" t="s">
        <v>452</v>
      </c>
      <c r="C20" s="1168" t="s">
        <v>454</v>
      </c>
      <c r="D20" s="1169"/>
      <c r="E20" s="338" t="s">
        <v>484</v>
      </c>
      <c r="F20" s="337" t="s">
        <v>453</v>
      </c>
      <c r="G20" s="337" t="s">
        <v>455</v>
      </c>
      <c r="H20" s="336" t="s">
        <v>456</v>
      </c>
      <c r="I20" s="337" t="s">
        <v>457</v>
      </c>
      <c r="J20" s="339" t="s">
        <v>458</v>
      </c>
      <c r="K20" s="340" t="s">
        <v>459</v>
      </c>
      <c r="L20" s="373" t="s">
        <v>568</v>
      </c>
      <c r="M20" s="341" t="s">
        <v>569</v>
      </c>
      <c r="N20" s="342" t="s">
        <v>570</v>
      </c>
      <c r="O20" s="343" t="s">
        <v>571</v>
      </c>
      <c r="P20" s="380" t="s">
        <v>574</v>
      </c>
      <c r="Q20" s="386" t="s">
        <v>600</v>
      </c>
      <c r="R20" s="381" t="s">
        <v>572</v>
      </c>
    </row>
    <row r="21" spans="1:19" ht="27" customHeight="1">
      <c r="A21" s="21"/>
      <c r="B21" s="344" t="s">
        <v>460</v>
      </c>
      <c r="C21" s="346" t="s">
        <v>597</v>
      </c>
      <c r="D21" s="347">
        <v>50</v>
      </c>
      <c r="E21" s="345" t="s">
        <v>472</v>
      </c>
      <c r="F21" s="345" t="s">
        <v>87</v>
      </c>
      <c r="G21" s="346" t="s">
        <v>461</v>
      </c>
      <c r="H21" s="365">
        <v>550.29999999999995</v>
      </c>
      <c r="I21" s="346">
        <v>2</v>
      </c>
      <c r="J21" s="346">
        <v>3</v>
      </c>
      <c r="K21" s="379">
        <v>0.2</v>
      </c>
      <c r="L21" s="348" t="s">
        <v>146</v>
      </c>
      <c r="M21" s="348" t="s">
        <v>146</v>
      </c>
      <c r="N21" s="376">
        <v>3</v>
      </c>
      <c r="O21" s="377">
        <v>2</v>
      </c>
      <c r="P21" s="377">
        <v>1</v>
      </c>
      <c r="Q21" s="382" t="s">
        <v>575</v>
      </c>
      <c r="R21" s="382" t="s">
        <v>576</v>
      </c>
      <c r="S21" s="307"/>
    </row>
    <row r="22" spans="1:19" ht="27" customHeight="1">
      <c r="A22" s="21"/>
      <c r="B22" s="374" t="s">
        <v>473</v>
      </c>
      <c r="C22" s="377" t="s">
        <v>598</v>
      </c>
      <c r="D22" s="377">
        <v>1</v>
      </c>
      <c r="E22" s="349" t="s">
        <v>146</v>
      </c>
      <c r="F22" s="375" t="s">
        <v>87</v>
      </c>
      <c r="G22" s="377" t="s">
        <v>461</v>
      </c>
      <c r="H22" s="378">
        <v>270.2</v>
      </c>
      <c r="I22" s="377">
        <v>3</v>
      </c>
      <c r="J22" s="348" t="s">
        <v>146</v>
      </c>
      <c r="K22" s="348" t="s">
        <v>146</v>
      </c>
      <c r="L22" s="348" t="s">
        <v>146</v>
      </c>
      <c r="M22" s="348" t="s">
        <v>146</v>
      </c>
      <c r="N22" s="349" t="s">
        <v>146</v>
      </c>
      <c r="O22" s="349" t="s">
        <v>146</v>
      </c>
      <c r="P22" s="349" t="s">
        <v>146</v>
      </c>
      <c r="Q22" s="382" t="s">
        <v>577</v>
      </c>
      <c r="R22" s="382" t="s">
        <v>577</v>
      </c>
      <c r="S22" s="307"/>
    </row>
    <row r="23" spans="1:19" ht="27" customHeight="1">
      <c r="A23" s="21"/>
      <c r="B23" s="328"/>
      <c r="C23" s="326"/>
      <c r="D23" s="327"/>
      <c r="E23" s="21"/>
      <c r="F23" s="21"/>
      <c r="G23" s="21"/>
      <c r="H23" s="21"/>
      <c r="I23" s="21"/>
      <c r="J23" s="21"/>
      <c r="K23" s="21"/>
      <c r="L23" s="21"/>
      <c r="M23" s="21"/>
      <c r="N23" s="21"/>
      <c r="O23" s="21"/>
      <c r="P23" s="21"/>
      <c r="Q23" s="21"/>
      <c r="R23" s="21"/>
      <c r="S23" s="307"/>
    </row>
    <row r="24" spans="1:19" ht="27" customHeight="1">
      <c r="A24" s="21"/>
      <c r="B24" s="328"/>
      <c r="C24" s="326"/>
      <c r="D24" s="327"/>
      <c r="E24" s="21"/>
      <c r="F24" s="21"/>
      <c r="G24" s="21"/>
      <c r="H24" s="21"/>
      <c r="I24" s="21"/>
      <c r="J24" s="21"/>
      <c r="K24" s="21"/>
      <c r="L24" s="21"/>
      <c r="M24" s="21"/>
      <c r="N24" s="21"/>
      <c r="O24" s="21"/>
      <c r="P24" s="21"/>
      <c r="Q24" s="21"/>
      <c r="R24" s="21"/>
      <c r="S24" s="307"/>
    </row>
    <row r="25" spans="1:19" ht="27" customHeight="1">
      <c r="A25" s="21"/>
      <c r="B25" s="328"/>
      <c r="C25" s="364"/>
      <c r="D25" s="327"/>
      <c r="E25" s="21"/>
      <c r="F25" s="21"/>
      <c r="G25" s="21"/>
      <c r="H25" s="21"/>
      <c r="I25" s="21"/>
      <c r="J25" s="21"/>
      <c r="K25" s="21"/>
      <c r="L25" s="21"/>
      <c r="M25" s="21"/>
      <c r="N25" s="21"/>
      <c r="O25" s="21"/>
      <c r="P25" s="21"/>
      <c r="Q25" s="21"/>
      <c r="R25" s="21"/>
      <c r="S25" s="307"/>
    </row>
    <row r="26" spans="1:19" ht="27" customHeight="1">
      <c r="A26" s="21"/>
      <c r="B26" s="328"/>
      <c r="C26" s="364"/>
      <c r="D26" s="327"/>
      <c r="E26" s="21"/>
      <c r="F26" s="21"/>
      <c r="G26" s="21"/>
      <c r="H26" s="21"/>
      <c r="I26" s="21"/>
      <c r="J26" s="21"/>
      <c r="K26" s="21"/>
      <c r="L26" s="21"/>
      <c r="M26" s="21"/>
      <c r="N26" s="21"/>
      <c r="O26" s="21"/>
      <c r="P26" s="21"/>
      <c r="Q26" s="21"/>
      <c r="R26" s="21"/>
      <c r="S26" s="307"/>
    </row>
    <row r="27" spans="1:19" ht="27" customHeight="1">
      <c r="A27" s="312"/>
      <c r="B27" s="313" t="s">
        <v>601</v>
      </c>
      <c r="C27" s="313"/>
      <c r="D27" s="313"/>
      <c r="E27" s="313"/>
      <c r="F27" s="313"/>
      <c r="G27" s="313"/>
      <c r="H27" s="313"/>
      <c r="I27" s="312"/>
      <c r="J27" s="312"/>
      <c r="K27" s="312"/>
      <c r="L27" s="312"/>
      <c r="M27" s="312"/>
      <c r="N27" s="312"/>
      <c r="O27" s="312"/>
      <c r="P27" s="312"/>
      <c r="Q27" s="312"/>
      <c r="R27" s="312"/>
      <c r="S27" s="307"/>
    </row>
    <row r="28" spans="1:19" ht="7.5" customHeight="1">
      <c r="A28" s="312"/>
      <c r="B28" s="314"/>
      <c r="C28" s="315"/>
      <c r="D28" s="315"/>
      <c r="E28" s="315"/>
      <c r="F28" s="315"/>
      <c r="G28" s="315"/>
      <c r="H28" s="315"/>
      <c r="I28" s="315"/>
      <c r="J28" s="315"/>
      <c r="K28" s="315"/>
      <c r="L28" s="315"/>
      <c r="M28" s="315"/>
      <c r="N28" s="315"/>
      <c r="O28" s="315"/>
      <c r="P28" s="315"/>
      <c r="Q28" s="315"/>
      <c r="R28" s="316"/>
      <c r="S28" s="307"/>
    </row>
    <row r="29" spans="1:19" ht="27" customHeight="1">
      <c r="A29" s="329"/>
      <c r="B29" s="1117" t="s">
        <v>485</v>
      </c>
      <c r="C29" s="1157"/>
      <c r="D29" s="1157"/>
      <c r="E29" s="1157"/>
      <c r="F29" s="1157"/>
      <c r="G29" s="1157"/>
      <c r="H29" s="1157"/>
      <c r="I29" s="1157"/>
      <c r="J29" s="1157"/>
      <c r="K29" s="1157"/>
      <c r="L29" s="1157"/>
      <c r="M29" s="1157"/>
      <c r="N29" s="1157"/>
      <c r="O29" s="1157"/>
      <c r="P29" s="1157"/>
      <c r="Q29" s="322"/>
      <c r="R29" s="350"/>
      <c r="S29" s="329"/>
    </row>
    <row r="30" spans="1:19" ht="27" customHeight="1">
      <c r="A30" s="312"/>
      <c r="B30" s="1156" t="s">
        <v>486</v>
      </c>
      <c r="C30" s="1157"/>
      <c r="D30" s="1157"/>
      <c r="E30" s="1157"/>
      <c r="F30" s="1157"/>
      <c r="G30" s="1157"/>
      <c r="H30" s="1157"/>
      <c r="I30" s="1157"/>
      <c r="J30" s="1157"/>
      <c r="K30" s="1157"/>
      <c r="L30" s="1157"/>
      <c r="M30" s="1157"/>
      <c r="N30" s="1157"/>
      <c r="O30" s="1157"/>
      <c r="P30" s="1157"/>
      <c r="Q30" s="313"/>
      <c r="R30" s="319"/>
      <c r="S30" s="312"/>
    </row>
    <row r="31" spans="1:19" ht="27" customHeight="1">
      <c r="A31" s="312"/>
      <c r="B31" s="321"/>
      <c r="C31" s="313" t="s">
        <v>487</v>
      </c>
      <c r="D31" s="318"/>
      <c r="E31" s="313"/>
      <c r="F31" s="313"/>
      <c r="G31" s="313"/>
      <c r="H31" s="313"/>
      <c r="I31" s="313"/>
      <c r="J31" s="313"/>
      <c r="K31" s="313"/>
      <c r="L31" s="313"/>
      <c r="M31" s="313"/>
      <c r="N31" s="313"/>
      <c r="O31" s="313"/>
      <c r="P31" s="313"/>
      <c r="Q31" s="313"/>
      <c r="R31" s="319"/>
      <c r="S31" s="312"/>
    </row>
    <row r="32" spans="1:19" ht="7.5" customHeight="1">
      <c r="A32" s="312"/>
      <c r="B32" s="384"/>
      <c r="C32" s="385"/>
      <c r="D32" s="385"/>
      <c r="E32" s="385"/>
      <c r="F32" s="385"/>
      <c r="G32" s="385"/>
      <c r="H32" s="385"/>
      <c r="I32" s="324"/>
      <c r="J32" s="324"/>
      <c r="K32" s="324"/>
      <c r="L32" s="324"/>
      <c r="M32" s="324"/>
      <c r="N32" s="324"/>
      <c r="O32" s="324"/>
      <c r="P32" s="324"/>
      <c r="Q32" s="324"/>
      <c r="R32" s="325"/>
      <c r="S32" s="312"/>
    </row>
    <row r="33" spans="1:19" ht="27" customHeight="1">
      <c r="A33" s="312"/>
      <c r="B33" s="312"/>
      <c r="C33" s="312"/>
      <c r="D33" s="313"/>
      <c r="E33" s="312"/>
      <c r="F33" s="312"/>
      <c r="G33" s="312"/>
      <c r="H33" s="313"/>
      <c r="I33" s="312"/>
      <c r="J33" s="312"/>
      <c r="K33" s="312"/>
      <c r="L33" s="312"/>
      <c r="M33" s="312"/>
      <c r="N33" s="312"/>
      <c r="O33" s="312"/>
      <c r="P33" s="312"/>
      <c r="Q33" s="312"/>
      <c r="R33" s="312"/>
      <c r="S33" s="312"/>
    </row>
    <row r="34" spans="1:19" ht="27" customHeight="1">
      <c r="A34" s="312"/>
      <c r="B34" s="313" t="s">
        <v>602</v>
      </c>
      <c r="C34" s="313"/>
      <c r="D34" s="313"/>
      <c r="E34" s="312"/>
      <c r="F34" s="312"/>
      <c r="G34" s="312"/>
      <c r="H34" s="313"/>
      <c r="I34" s="312"/>
      <c r="J34" s="312"/>
      <c r="K34" s="312"/>
      <c r="L34" s="312"/>
      <c r="M34" s="312"/>
      <c r="N34" s="312"/>
      <c r="O34" s="312"/>
      <c r="P34" s="312"/>
      <c r="Q34" s="312"/>
      <c r="R34" s="312"/>
      <c r="S34" s="312"/>
    </row>
    <row r="35" spans="1:19" ht="7.5" customHeight="1">
      <c r="A35" s="312"/>
      <c r="B35" s="314"/>
      <c r="C35" s="315"/>
      <c r="D35" s="315"/>
      <c r="E35" s="315"/>
      <c r="F35" s="315"/>
      <c r="G35" s="315"/>
      <c r="H35" s="315"/>
      <c r="I35" s="315"/>
      <c r="J35" s="315"/>
      <c r="K35" s="315"/>
      <c r="L35" s="315"/>
      <c r="M35" s="315"/>
      <c r="N35" s="315"/>
      <c r="O35" s="315"/>
      <c r="P35" s="315"/>
      <c r="Q35" s="315"/>
      <c r="R35" s="316"/>
      <c r="S35" s="312"/>
    </row>
    <row r="36" spans="1:19" ht="27.6" customHeight="1">
      <c r="A36" s="312"/>
      <c r="B36" s="1117" t="s">
        <v>493</v>
      </c>
      <c r="C36" s="1118"/>
      <c r="D36" s="1118"/>
      <c r="E36" s="1118"/>
      <c r="F36" s="1118"/>
      <c r="G36" s="1118"/>
      <c r="H36" s="1118"/>
      <c r="I36" s="1118"/>
      <c r="J36" s="1118"/>
      <c r="K36" s="1118"/>
      <c r="L36" s="1118"/>
      <c r="M36" s="1118"/>
      <c r="N36" s="1118"/>
      <c r="O36" s="1118"/>
      <c r="P36" s="1118"/>
      <c r="Q36" s="1118"/>
      <c r="R36" s="1119"/>
      <c r="S36" s="312"/>
    </row>
    <row r="37" spans="1:19" ht="27" customHeight="1">
      <c r="A37" s="312"/>
      <c r="B37" s="1117"/>
      <c r="C37" s="1118"/>
      <c r="D37" s="1118"/>
      <c r="E37" s="1118"/>
      <c r="F37" s="1118"/>
      <c r="G37" s="1118"/>
      <c r="H37" s="1118"/>
      <c r="I37" s="1118"/>
      <c r="J37" s="1118"/>
      <c r="K37" s="1118"/>
      <c r="L37" s="1118"/>
      <c r="M37" s="1118"/>
      <c r="N37" s="1118"/>
      <c r="O37" s="1118"/>
      <c r="P37" s="1118"/>
      <c r="Q37" s="1118"/>
      <c r="R37" s="1119"/>
      <c r="S37" s="312"/>
    </row>
    <row r="38" spans="1:19" ht="27" customHeight="1">
      <c r="A38" s="312"/>
      <c r="B38" s="1117" t="s">
        <v>595</v>
      </c>
      <c r="C38" s="1118"/>
      <c r="D38" s="1118"/>
      <c r="E38" s="1118"/>
      <c r="F38" s="1118"/>
      <c r="G38" s="1118"/>
      <c r="H38" s="1118"/>
      <c r="I38" s="1118"/>
      <c r="J38" s="1118"/>
      <c r="K38" s="1118"/>
      <c r="L38" s="1118"/>
      <c r="M38" s="1118"/>
      <c r="N38" s="1118"/>
      <c r="O38" s="1118"/>
      <c r="P38" s="1118"/>
      <c r="Q38" s="1118"/>
      <c r="R38" s="1119"/>
      <c r="S38" s="312"/>
    </row>
    <row r="39" spans="1:19" ht="27" customHeight="1">
      <c r="A39" s="312"/>
      <c r="B39" s="1117"/>
      <c r="C39" s="1118"/>
      <c r="D39" s="1118"/>
      <c r="E39" s="1118"/>
      <c r="F39" s="1118"/>
      <c r="G39" s="1118"/>
      <c r="H39" s="1118"/>
      <c r="I39" s="1118"/>
      <c r="J39" s="1118"/>
      <c r="K39" s="1118"/>
      <c r="L39" s="1118"/>
      <c r="M39" s="1118"/>
      <c r="N39" s="1118"/>
      <c r="O39" s="1118"/>
      <c r="P39" s="1118"/>
      <c r="Q39" s="1118"/>
      <c r="R39" s="1119"/>
      <c r="S39" s="312"/>
    </row>
    <row r="40" spans="1:19" ht="7.5" customHeight="1">
      <c r="A40" s="312"/>
      <c r="B40" s="323"/>
      <c r="C40" s="324"/>
      <c r="D40" s="324"/>
      <c r="E40" s="324"/>
      <c r="F40" s="324"/>
      <c r="G40" s="324"/>
      <c r="H40" s="324"/>
      <c r="I40" s="324"/>
      <c r="J40" s="324"/>
      <c r="K40" s="324"/>
      <c r="L40" s="324"/>
      <c r="M40" s="324"/>
      <c r="N40" s="324"/>
      <c r="O40" s="324"/>
      <c r="P40" s="324"/>
      <c r="Q40" s="324"/>
      <c r="R40" s="325"/>
      <c r="S40" s="312"/>
    </row>
    <row r="41" spans="1:19" ht="27" customHeight="1">
      <c r="A41" s="312"/>
      <c r="B41" s="312"/>
      <c r="C41" s="312"/>
      <c r="D41" s="313"/>
      <c r="E41" s="312"/>
      <c r="F41" s="312"/>
      <c r="G41" s="312"/>
      <c r="H41" s="313"/>
      <c r="I41" s="312"/>
      <c r="J41" s="312"/>
      <c r="K41" s="312"/>
      <c r="L41" s="312"/>
      <c r="M41" s="312"/>
      <c r="N41" s="312"/>
      <c r="O41" s="312"/>
      <c r="P41" s="312"/>
      <c r="Q41" s="312"/>
      <c r="R41" s="312"/>
      <c r="S41" s="312"/>
    </row>
    <row r="42" spans="1:19" ht="27" customHeight="1">
      <c r="A42" s="312"/>
      <c r="B42" s="313" t="s">
        <v>603</v>
      </c>
      <c r="C42" s="313"/>
      <c r="D42" s="313"/>
      <c r="E42" s="313"/>
      <c r="F42" s="313"/>
      <c r="G42" s="313"/>
      <c r="H42" s="313"/>
      <c r="I42" s="312"/>
      <c r="J42" s="312"/>
      <c r="K42" s="312"/>
      <c r="L42" s="312"/>
      <c r="M42" s="312"/>
      <c r="N42" s="312"/>
      <c r="O42" s="312"/>
      <c r="P42" s="312"/>
      <c r="Q42" s="312"/>
      <c r="R42" s="312"/>
      <c r="S42" s="307"/>
    </row>
    <row r="43" spans="1:19" ht="7.5" customHeight="1">
      <c r="A43" s="312"/>
      <c r="B43" s="314"/>
      <c r="C43" s="315"/>
      <c r="D43" s="315"/>
      <c r="E43" s="315"/>
      <c r="F43" s="315"/>
      <c r="G43" s="315"/>
      <c r="H43" s="315"/>
      <c r="I43" s="315"/>
      <c r="J43" s="315"/>
      <c r="K43" s="315"/>
      <c r="L43" s="315"/>
      <c r="M43" s="315"/>
      <c r="N43" s="315"/>
      <c r="O43" s="315"/>
      <c r="P43" s="315"/>
      <c r="Q43" s="315"/>
      <c r="R43" s="316"/>
      <c r="S43" s="307"/>
    </row>
    <row r="44" spans="1:19" ht="26.55" customHeight="1">
      <c r="A44" s="312"/>
      <c r="B44" s="321" t="s">
        <v>604</v>
      </c>
      <c r="C44" s="313"/>
      <c r="D44" s="318"/>
      <c r="E44" s="313"/>
      <c r="F44" s="313"/>
      <c r="G44" s="313"/>
      <c r="H44" s="313"/>
      <c r="I44" s="313"/>
      <c r="J44" s="313"/>
      <c r="K44" s="313"/>
      <c r="L44" s="313"/>
      <c r="M44" s="313"/>
      <c r="N44" s="313"/>
      <c r="O44" s="313"/>
      <c r="P44" s="313"/>
      <c r="Q44" s="313"/>
      <c r="R44" s="319"/>
      <c r="S44" s="312"/>
    </row>
    <row r="45" spans="1:19" ht="27" customHeight="1">
      <c r="A45" s="312"/>
      <c r="B45" s="321"/>
      <c r="C45" s="351" t="s">
        <v>462</v>
      </c>
      <c r="D45" s="351" t="s">
        <v>460</v>
      </c>
      <c r="E45" s="1160" t="s">
        <v>464</v>
      </c>
      <c r="F45" s="1160"/>
      <c r="G45" s="1160" t="s">
        <v>465</v>
      </c>
      <c r="H45" s="1160"/>
      <c r="I45" s="1160" t="s">
        <v>451</v>
      </c>
      <c r="J45" s="1160"/>
      <c r="K45" s="313"/>
      <c r="L45" s="313"/>
      <c r="M45" s="313"/>
      <c r="N45" s="313"/>
      <c r="O45" s="313"/>
      <c r="P45" s="313"/>
      <c r="Q45" s="313"/>
      <c r="R45" s="319"/>
      <c r="S45" s="312"/>
    </row>
    <row r="46" spans="1:19" ht="27" customHeight="1">
      <c r="A46" s="312"/>
      <c r="B46" s="321"/>
      <c r="C46" s="351" t="s">
        <v>463</v>
      </c>
      <c r="D46" s="351" t="s">
        <v>488</v>
      </c>
      <c r="E46" s="1160" t="s">
        <v>489</v>
      </c>
      <c r="F46" s="1160"/>
      <c r="G46" s="1160" t="s">
        <v>490</v>
      </c>
      <c r="H46" s="1160"/>
      <c r="I46" s="1160" t="s">
        <v>491</v>
      </c>
      <c r="J46" s="1160"/>
      <c r="K46" s="322"/>
      <c r="L46" s="322"/>
      <c r="M46" s="322"/>
      <c r="N46" s="313"/>
      <c r="O46" s="313"/>
      <c r="P46" s="313"/>
      <c r="Q46" s="313"/>
      <c r="R46" s="319"/>
      <c r="S46" s="312"/>
    </row>
    <row r="47" spans="1:19" ht="27" customHeight="1">
      <c r="A47" s="312"/>
      <c r="B47" s="321"/>
      <c r="C47" s="322" t="s">
        <v>492</v>
      </c>
      <c r="D47" s="318"/>
      <c r="E47" s="313"/>
      <c r="F47" s="322"/>
      <c r="G47" s="322"/>
      <c r="H47" s="322"/>
      <c r="I47" s="322"/>
      <c r="J47" s="322"/>
      <c r="K47" s="322"/>
      <c r="L47" s="322"/>
      <c r="M47" s="322"/>
      <c r="N47" s="313"/>
      <c r="O47" s="313"/>
      <c r="P47" s="313"/>
      <c r="Q47" s="313"/>
      <c r="R47" s="319"/>
      <c r="S47" s="312"/>
    </row>
    <row r="48" spans="1:19" ht="7.5" customHeight="1">
      <c r="A48" s="312"/>
      <c r="B48" s="323"/>
      <c r="C48" s="324"/>
      <c r="D48" s="324"/>
      <c r="E48" s="324"/>
      <c r="F48" s="324"/>
      <c r="G48" s="324"/>
      <c r="H48" s="324"/>
      <c r="I48" s="324"/>
      <c r="J48" s="324"/>
      <c r="K48" s="324"/>
      <c r="L48" s="324"/>
      <c r="M48" s="324"/>
      <c r="N48" s="324"/>
      <c r="O48" s="324"/>
      <c r="P48" s="324"/>
      <c r="Q48" s="324"/>
      <c r="R48" s="325"/>
      <c r="S48" s="312"/>
    </row>
    <row r="49" spans="1:19" ht="27" customHeight="1">
      <c r="A49" s="312"/>
      <c r="B49" s="312"/>
      <c r="C49" s="312"/>
      <c r="D49" s="312"/>
      <c r="E49" s="312"/>
      <c r="F49" s="312"/>
      <c r="G49" s="312"/>
      <c r="H49" s="312"/>
      <c r="I49" s="312"/>
      <c r="J49" s="312"/>
      <c r="K49" s="312"/>
      <c r="L49" s="312"/>
      <c r="M49" s="312"/>
      <c r="N49" s="312"/>
      <c r="O49" s="312"/>
      <c r="P49" s="312"/>
      <c r="Q49" s="312"/>
      <c r="R49" s="312"/>
      <c r="S49" s="312"/>
    </row>
    <row r="50" spans="1:19" ht="27" customHeight="1">
      <c r="A50" s="312"/>
      <c r="B50" s="312" t="s">
        <v>494</v>
      </c>
      <c r="C50" s="312"/>
      <c r="D50" s="312"/>
      <c r="E50" s="312"/>
      <c r="F50" s="312"/>
      <c r="G50" s="312"/>
      <c r="H50" s="312"/>
      <c r="I50" s="312"/>
      <c r="J50" s="312"/>
      <c r="K50" s="312"/>
      <c r="L50" s="312"/>
      <c r="M50" s="312"/>
      <c r="N50" s="312"/>
      <c r="O50" s="312"/>
      <c r="P50" s="312"/>
      <c r="Q50" s="312"/>
      <c r="R50" s="312"/>
      <c r="S50" s="312"/>
    </row>
    <row r="51" spans="1:19" ht="7.5" customHeight="1">
      <c r="A51" s="312"/>
      <c r="B51" s="314"/>
      <c r="C51" s="315"/>
      <c r="D51" s="315"/>
      <c r="E51" s="315"/>
      <c r="F51" s="315"/>
      <c r="G51" s="315"/>
      <c r="H51" s="315"/>
      <c r="I51" s="315"/>
      <c r="J51" s="315"/>
      <c r="K51" s="315"/>
      <c r="L51" s="315"/>
      <c r="M51" s="315"/>
      <c r="N51" s="315"/>
      <c r="O51" s="315"/>
      <c r="P51" s="315"/>
      <c r="Q51" s="315"/>
      <c r="R51" s="316"/>
      <c r="S51" s="312"/>
    </row>
    <row r="52" spans="1:19" ht="27" customHeight="1">
      <c r="A52" s="312"/>
      <c r="B52" s="1156" t="s">
        <v>495</v>
      </c>
      <c r="C52" s="1157"/>
      <c r="D52" s="1157"/>
      <c r="E52" s="1157"/>
      <c r="F52" s="1157"/>
      <c r="G52" s="1157"/>
      <c r="H52" s="1157"/>
      <c r="I52" s="1157"/>
      <c r="J52" s="1157"/>
      <c r="K52" s="1157"/>
      <c r="L52" s="1157"/>
      <c r="M52" s="1157"/>
      <c r="N52" s="1157"/>
      <c r="O52" s="1157"/>
      <c r="P52" s="1157"/>
      <c r="Q52" s="313"/>
      <c r="R52" s="319"/>
      <c r="S52" s="312"/>
    </row>
    <row r="53" spans="1:19" ht="27" customHeight="1">
      <c r="A53" s="312"/>
      <c r="B53" s="1117" t="s">
        <v>496</v>
      </c>
      <c r="C53" s="1118"/>
      <c r="D53" s="1118"/>
      <c r="E53" s="1118"/>
      <c r="F53" s="1118"/>
      <c r="G53" s="1118"/>
      <c r="H53" s="1118"/>
      <c r="I53" s="1118"/>
      <c r="J53" s="1118"/>
      <c r="K53" s="1118"/>
      <c r="L53" s="1118"/>
      <c r="M53" s="1118"/>
      <c r="N53" s="1118"/>
      <c r="O53" s="1118"/>
      <c r="P53" s="1118"/>
      <c r="Q53" s="1118"/>
      <c r="R53" s="1119"/>
      <c r="S53" s="312"/>
    </row>
    <row r="54" spans="1:19" ht="7.5" customHeight="1">
      <c r="A54" s="312"/>
      <c r="B54" s="321"/>
      <c r="C54" s="313"/>
      <c r="D54" s="313"/>
      <c r="E54" s="313"/>
      <c r="F54" s="313"/>
      <c r="G54" s="313"/>
      <c r="H54" s="313"/>
      <c r="I54" s="313"/>
      <c r="J54" s="313"/>
      <c r="K54" s="313"/>
      <c r="L54" s="313"/>
      <c r="M54" s="313"/>
      <c r="N54" s="313"/>
      <c r="O54" s="313"/>
      <c r="P54" s="313"/>
      <c r="Q54" s="313"/>
      <c r="R54" s="319"/>
      <c r="S54" s="312"/>
    </row>
    <row r="55" spans="1:19" ht="27" customHeight="1">
      <c r="A55" s="312"/>
      <c r="B55" s="321"/>
      <c r="C55" s="320" t="s">
        <v>466</v>
      </c>
      <c r="D55" s="1158" t="s">
        <v>530</v>
      </c>
      <c r="E55" s="1158"/>
      <c r="F55" s="1158"/>
      <c r="G55" s="1158" t="s">
        <v>531</v>
      </c>
      <c r="H55" s="1158"/>
      <c r="I55" s="1158"/>
      <c r="J55" s="1140" t="s">
        <v>468</v>
      </c>
      <c r="K55" s="1140"/>
      <c r="L55" s="320" t="s">
        <v>469</v>
      </c>
      <c r="M55" s="1158" t="s">
        <v>532</v>
      </c>
      <c r="N55" s="1158"/>
      <c r="O55" s="1158"/>
      <c r="P55" s="313"/>
      <c r="Q55" s="313"/>
      <c r="R55" s="319"/>
      <c r="S55" s="312"/>
    </row>
    <row r="56" spans="1:19" ht="27" customHeight="1">
      <c r="A56" s="312"/>
      <c r="B56" s="321"/>
      <c r="C56" s="320" t="s">
        <v>467</v>
      </c>
      <c r="D56" s="1140" t="s">
        <v>497</v>
      </c>
      <c r="E56" s="1140"/>
      <c r="F56" s="1140"/>
      <c r="G56" s="1140" t="s">
        <v>498</v>
      </c>
      <c r="H56" s="1140"/>
      <c r="I56" s="1140"/>
      <c r="J56" s="1140" t="s">
        <v>499</v>
      </c>
      <c r="K56" s="1140"/>
      <c r="L56" s="320" t="s">
        <v>500</v>
      </c>
      <c r="M56" s="1140" t="s">
        <v>451</v>
      </c>
      <c r="N56" s="1140"/>
      <c r="O56" s="1140"/>
      <c r="P56" s="313"/>
      <c r="Q56" s="313"/>
      <c r="R56" s="319"/>
      <c r="S56" s="312"/>
    </row>
    <row r="57" spans="1:19" ht="7.5" customHeight="1">
      <c r="A57" s="312"/>
      <c r="B57" s="323"/>
      <c r="C57" s="324"/>
      <c r="D57" s="324"/>
      <c r="E57" s="324"/>
      <c r="F57" s="324"/>
      <c r="G57" s="324"/>
      <c r="H57" s="324"/>
      <c r="I57" s="324"/>
      <c r="J57" s="324"/>
      <c r="K57" s="324"/>
      <c r="L57" s="324"/>
      <c r="M57" s="324"/>
      <c r="N57" s="324"/>
      <c r="O57" s="324"/>
      <c r="P57" s="324"/>
      <c r="Q57" s="324"/>
      <c r="R57" s="325"/>
      <c r="S57" s="312"/>
    </row>
    <row r="58" spans="1:19" ht="27" customHeight="1">
      <c r="A58" s="312"/>
      <c r="B58" s="312"/>
      <c r="C58" s="312"/>
      <c r="D58" s="312"/>
      <c r="E58" s="312"/>
      <c r="F58" s="312"/>
      <c r="G58" s="312"/>
      <c r="H58" s="312"/>
      <c r="I58" s="312"/>
      <c r="J58" s="312"/>
      <c r="K58" s="312"/>
      <c r="L58" s="312"/>
      <c r="M58" s="312"/>
      <c r="N58" s="312"/>
      <c r="O58" s="312"/>
      <c r="P58" s="312"/>
      <c r="Q58" s="312"/>
      <c r="R58" s="312"/>
      <c r="S58" s="312"/>
    </row>
    <row r="59" spans="1:19" ht="27" customHeight="1">
      <c r="A59" s="312"/>
      <c r="B59" s="312" t="s">
        <v>501</v>
      </c>
      <c r="C59" s="312"/>
      <c r="D59" s="312"/>
      <c r="E59" s="312"/>
      <c r="F59" s="312"/>
      <c r="G59" s="312"/>
      <c r="H59" s="312"/>
      <c r="I59" s="312"/>
      <c r="J59" s="312"/>
      <c r="K59" s="312"/>
      <c r="L59" s="312"/>
      <c r="M59" s="312"/>
      <c r="N59" s="312"/>
      <c r="O59" s="312"/>
      <c r="P59" s="312"/>
      <c r="Q59" s="312"/>
      <c r="R59" s="312"/>
      <c r="S59" s="312"/>
    </row>
    <row r="60" spans="1:19" ht="7.5" customHeight="1">
      <c r="A60" s="312"/>
      <c r="B60" s="314"/>
      <c r="C60" s="315"/>
      <c r="D60" s="315"/>
      <c r="E60" s="315"/>
      <c r="F60" s="315"/>
      <c r="G60" s="315"/>
      <c r="H60" s="315"/>
      <c r="I60" s="315"/>
      <c r="J60" s="315"/>
      <c r="K60" s="315"/>
      <c r="L60" s="315"/>
      <c r="M60" s="315"/>
      <c r="N60" s="315"/>
      <c r="O60" s="315"/>
      <c r="P60" s="315"/>
      <c r="Q60" s="315"/>
      <c r="R60" s="316"/>
      <c r="S60" s="312"/>
    </row>
    <row r="61" spans="1:19" ht="27" customHeight="1">
      <c r="A61" s="312"/>
      <c r="B61" s="321" t="s">
        <v>502</v>
      </c>
      <c r="C61" s="313"/>
      <c r="D61" s="313"/>
      <c r="E61" s="313"/>
      <c r="F61" s="313"/>
      <c r="G61" s="313"/>
      <c r="H61" s="313"/>
      <c r="I61" s="313"/>
      <c r="J61" s="313"/>
      <c r="K61" s="313"/>
      <c r="L61" s="313"/>
      <c r="M61" s="313"/>
      <c r="N61" s="313"/>
      <c r="O61" s="313"/>
      <c r="P61" s="313"/>
      <c r="Q61" s="313"/>
      <c r="R61" s="319"/>
      <c r="S61" s="312"/>
    </row>
    <row r="62" spans="1:19" ht="7.5" customHeight="1">
      <c r="A62" s="312"/>
      <c r="B62" s="323"/>
      <c r="C62" s="324"/>
      <c r="D62" s="324"/>
      <c r="E62" s="324"/>
      <c r="F62" s="324"/>
      <c r="G62" s="324"/>
      <c r="H62" s="324"/>
      <c r="I62" s="324"/>
      <c r="J62" s="324"/>
      <c r="K62" s="324"/>
      <c r="L62" s="324"/>
      <c r="M62" s="324"/>
      <c r="N62" s="324"/>
      <c r="O62" s="324"/>
      <c r="P62" s="324"/>
      <c r="Q62" s="324"/>
      <c r="R62" s="325"/>
      <c r="S62" s="312"/>
    </row>
    <row r="63" spans="1:19" ht="27" customHeight="1">
      <c r="A63" s="312"/>
      <c r="B63" s="312"/>
      <c r="C63" s="312"/>
      <c r="D63" s="312"/>
      <c r="E63" s="312"/>
      <c r="F63" s="312"/>
      <c r="G63" s="312"/>
      <c r="H63" s="312"/>
      <c r="I63" s="312"/>
      <c r="J63" s="537">
        <v>5</v>
      </c>
      <c r="K63" s="312"/>
      <c r="L63" s="312"/>
      <c r="M63" s="312"/>
      <c r="N63" s="312"/>
      <c r="O63" s="312"/>
      <c r="P63" s="312"/>
      <c r="Q63" s="312"/>
      <c r="R63" s="312"/>
      <c r="S63" s="312"/>
    </row>
    <row r="64" spans="1:19" ht="27" customHeight="1">
      <c r="A64" s="312"/>
      <c r="B64" s="312" t="s">
        <v>503</v>
      </c>
      <c r="C64" s="312"/>
      <c r="D64" s="312"/>
      <c r="E64" s="312"/>
      <c r="F64" s="312"/>
      <c r="G64" s="312"/>
      <c r="H64" s="312"/>
      <c r="I64" s="312"/>
      <c r="J64" s="312"/>
      <c r="K64" s="312"/>
      <c r="L64" s="312"/>
      <c r="M64" s="312"/>
      <c r="N64" s="312"/>
      <c r="O64" s="312"/>
      <c r="P64" s="312"/>
      <c r="Q64" s="312"/>
      <c r="R64" s="312"/>
      <c r="S64" s="312"/>
    </row>
    <row r="65" spans="1:19" ht="7.5" customHeight="1">
      <c r="A65" s="312"/>
      <c r="B65" s="314"/>
      <c r="C65" s="315"/>
      <c r="D65" s="315"/>
      <c r="E65" s="315"/>
      <c r="F65" s="315"/>
      <c r="G65" s="315"/>
      <c r="H65" s="315"/>
      <c r="I65" s="315"/>
      <c r="J65" s="315"/>
      <c r="K65" s="315"/>
      <c r="L65" s="315"/>
      <c r="M65" s="315"/>
      <c r="N65" s="315"/>
      <c r="O65" s="315"/>
      <c r="P65" s="315"/>
      <c r="Q65" s="315"/>
      <c r="R65" s="316"/>
      <c r="S65" s="312"/>
    </row>
    <row r="66" spans="1:19" ht="27" customHeight="1">
      <c r="A66" s="312"/>
      <c r="B66" s="321" t="s">
        <v>504</v>
      </c>
      <c r="C66" s="313"/>
      <c r="D66" s="313"/>
      <c r="E66" s="313"/>
      <c r="F66" s="313"/>
      <c r="G66" s="313"/>
      <c r="H66" s="313"/>
      <c r="I66" s="313"/>
      <c r="J66" s="313"/>
      <c r="K66" s="313"/>
      <c r="L66" s="313"/>
      <c r="M66" s="313"/>
      <c r="N66" s="313"/>
      <c r="O66" s="313"/>
      <c r="P66" s="313"/>
      <c r="Q66" s="313"/>
      <c r="R66" s="319"/>
      <c r="S66" s="383"/>
    </row>
    <row r="67" spans="1:19" ht="7.5" customHeight="1">
      <c r="A67" s="312"/>
      <c r="B67" s="317"/>
      <c r="C67" s="318"/>
      <c r="D67" s="318"/>
      <c r="E67" s="318"/>
      <c r="F67" s="318"/>
      <c r="G67" s="318"/>
      <c r="H67" s="318"/>
      <c r="I67" s="318"/>
      <c r="J67" s="313"/>
      <c r="K67" s="313"/>
      <c r="L67" s="313"/>
      <c r="M67" s="313"/>
      <c r="N67" s="313"/>
      <c r="O67" s="313"/>
      <c r="P67" s="313"/>
      <c r="Q67" s="313"/>
      <c r="R67" s="319"/>
      <c r="S67" s="383"/>
    </row>
    <row r="68" spans="1:19" ht="27" customHeight="1">
      <c r="A68" s="312"/>
      <c r="B68" s="317"/>
      <c r="C68" s="1160" t="s">
        <v>505</v>
      </c>
      <c r="D68" s="1160"/>
      <c r="E68" s="1160"/>
      <c r="F68" s="1160"/>
      <c r="G68" s="1160"/>
      <c r="H68" s="1162" t="s">
        <v>476</v>
      </c>
      <c r="I68" s="1162"/>
      <c r="J68" s="1162"/>
      <c r="K68" s="1163" t="s">
        <v>506</v>
      </c>
      <c r="L68" s="1164"/>
      <c r="M68" s="1140" t="s">
        <v>554</v>
      </c>
      <c r="N68" s="1140"/>
      <c r="O68" s="313"/>
      <c r="P68" s="313"/>
      <c r="Q68" s="313"/>
      <c r="R68" s="319"/>
      <c r="S68" s="383"/>
    </row>
    <row r="69" spans="1:19" ht="27" customHeight="1" thickBot="1">
      <c r="A69" s="312"/>
      <c r="B69" s="317"/>
      <c r="C69" s="1128" t="s">
        <v>470</v>
      </c>
      <c r="D69" s="1128"/>
      <c r="E69" s="1128"/>
      <c r="F69" s="1128"/>
      <c r="G69" s="1128"/>
      <c r="H69" s="1161" t="s">
        <v>596</v>
      </c>
      <c r="I69" s="1161"/>
      <c r="J69" s="1161"/>
      <c r="K69" s="1141" t="s">
        <v>507</v>
      </c>
      <c r="L69" s="1159"/>
      <c r="M69" s="1141" t="s">
        <v>507</v>
      </c>
      <c r="N69" s="1159"/>
      <c r="O69" s="313"/>
      <c r="P69" s="313"/>
      <c r="Q69" s="313"/>
      <c r="R69" s="319"/>
      <c r="S69" s="312"/>
    </row>
    <row r="70" spans="1:19" ht="27" customHeight="1" thickBot="1">
      <c r="A70" s="312"/>
      <c r="B70" s="321"/>
      <c r="C70" s="1128" t="s">
        <v>580</v>
      </c>
      <c r="D70" s="1128"/>
      <c r="E70" s="1128"/>
      <c r="F70" s="1128"/>
      <c r="G70" s="1128"/>
      <c r="H70" s="1140" t="s">
        <v>507</v>
      </c>
      <c r="I70" s="1140"/>
      <c r="J70" s="1141"/>
      <c r="K70" s="1148"/>
      <c r="L70" s="1149"/>
      <c r="M70" s="1150"/>
      <c r="N70" s="1151"/>
      <c r="O70" s="313"/>
      <c r="P70" s="313"/>
      <c r="Q70" s="313"/>
      <c r="R70" s="319"/>
      <c r="S70" s="312"/>
    </row>
    <row r="71" spans="1:19" ht="7.5" customHeight="1">
      <c r="A71" s="312"/>
      <c r="B71" s="321"/>
      <c r="C71" s="313"/>
      <c r="D71" s="313"/>
      <c r="E71" s="313"/>
      <c r="F71" s="313"/>
      <c r="G71" s="313"/>
      <c r="H71" s="313"/>
      <c r="I71" s="313"/>
      <c r="J71" s="313"/>
      <c r="K71" s="313"/>
      <c r="L71" s="313"/>
      <c r="M71" s="313"/>
      <c r="N71" s="313"/>
      <c r="O71" s="313"/>
      <c r="P71" s="313"/>
      <c r="Q71" s="313"/>
      <c r="R71" s="319"/>
      <c r="S71" s="312"/>
    </row>
    <row r="72" spans="1:19" ht="27" customHeight="1">
      <c r="A72" s="312"/>
      <c r="B72" s="321" t="s">
        <v>508</v>
      </c>
      <c r="C72" s="313"/>
      <c r="D72" s="313"/>
      <c r="E72" s="313"/>
      <c r="F72" s="313"/>
      <c r="G72" s="313"/>
      <c r="H72" s="313"/>
      <c r="I72" s="313"/>
      <c r="J72" s="313"/>
      <c r="K72" s="313"/>
      <c r="L72" s="313"/>
      <c r="M72" s="313"/>
      <c r="N72" s="313"/>
      <c r="O72" s="313"/>
      <c r="P72" s="313"/>
      <c r="Q72" s="313"/>
      <c r="R72" s="319"/>
      <c r="S72" s="312"/>
    </row>
    <row r="73" spans="1:19" ht="27" customHeight="1">
      <c r="A73" s="312"/>
      <c r="B73" s="321"/>
      <c r="C73" s="313" t="s">
        <v>543</v>
      </c>
      <c r="D73" s="313"/>
      <c r="E73" s="313"/>
      <c r="F73" s="313"/>
      <c r="G73" s="313"/>
      <c r="H73" s="313"/>
      <c r="I73" s="313"/>
      <c r="J73" s="313"/>
      <c r="K73" s="313"/>
      <c r="L73" s="313"/>
      <c r="M73" s="313"/>
      <c r="N73" s="313"/>
      <c r="O73" s="313"/>
      <c r="P73" s="313"/>
      <c r="Q73" s="313"/>
      <c r="R73" s="319"/>
    </row>
    <row r="74" spans="1:19" ht="27" customHeight="1">
      <c r="A74" s="312"/>
      <c r="B74" s="321"/>
      <c r="C74" s="313" t="s">
        <v>542</v>
      </c>
      <c r="D74" s="313"/>
      <c r="E74" s="313"/>
      <c r="F74" s="313"/>
      <c r="G74" s="313"/>
      <c r="H74" s="313"/>
      <c r="I74" s="313"/>
      <c r="J74" s="313"/>
      <c r="K74" s="313"/>
      <c r="L74" s="313"/>
      <c r="M74" s="313"/>
      <c r="N74" s="313"/>
      <c r="O74" s="313"/>
      <c r="P74" s="313"/>
      <c r="Q74" s="313"/>
      <c r="R74" s="319"/>
    </row>
    <row r="75" spans="1:19" ht="27" customHeight="1">
      <c r="A75" s="312"/>
      <c r="B75" s="321"/>
      <c r="C75" s="313" t="s">
        <v>509</v>
      </c>
      <c r="D75" s="313"/>
      <c r="E75" s="313"/>
      <c r="F75" s="313"/>
      <c r="G75" s="313"/>
      <c r="H75" s="313"/>
      <c r="I75" s="313"/>
      <c r="J75" s="313"/>
      <c r="K75" s="313"/>
      <c r="L75" s="313"/>
      <c r="M75" s="313"/>
      <c r="N75" s="313"/>
      <c r="O75" s="313"/>
      <c r="P75" s="313"/>
      <c r="Q75" s="313"/>
      <c r="R75" s="319"/>
    </row>
    <row r="76" spans="1:19" ht="27" customHeight="1">
      <c r="A76" s="312"/>
      <c r="B76" s="321"/>
      <c r="C76" s="313" t="s">
        <v>544</v>
      </c>
      <c r="D76" s="313"/>
      <c r="E76" s="313"/>
      <c r="F76" s="313"/>
      <c r="G76" s="313"/>
      <c r="H76" s="313"/>
      <c r="I76" s="313"/>
      <c r="J76" s="313"/>
      <c r="K76" s="313"/>
      <c r="L76" s="313"/>
      <c r="M76" s="313"/>
      <c r="N76" s="313"/>
      <c r="O76" s="313"/>
      <c r="P76" s="313"/>
      <c r="Q76" s="313"/>
      <c r="R76" s="319"/>
    </row>
    <row r="77" spans="1:19" ht="27" customHeight="1">
      <c r="A77" s="312"/>
      <c r="B77" s="321"/>
      <c r="C77" s="313" t="s">
        <v>579</v>
      </c>
      <c r="D77" s="313"/>
      <c r="E77" s="313"/>
      <c r="F77" s="313"/>
      <c r="G77" s="313"/>
      <c r="H77" s="313"/>
      <c r="I77" s="313"/>
      <c r="J77" s="313"/>
      <c r="K77" s="313"/>
      <c r="L77" s="313"/>
      <c r="M77" s="313"/>
      <c r="N77" s="313"/>
      <c r="O77" s="313"/>
      <c r="P77" s="313"/>
      <c r="Q77" s="313"/>
      <c r="R77" s="319"/>
    </row>
    <row r="78" spans="1:19" ht="27" customHeight="1">
      <c r="A78" s="312"/>
      <c r="B78" s="321"/>
      <c r="C78" s="313" t="s">
        <v>578</v>
      </c>
      <c r="D78" s="313"/>
      <c r="E78" s="313"/>
      <c r="F78" s="313"/>
      <c r="G78" s="313"/>
      <c r="H78" s="313"/>
      <c r="I78" s="313"/>
      <c r="J78" s="313"/>
      <c r="K78" s="313"/>
      <c r="L78" s="313"/>
      <c r="M78" s="313"/>
      <c r="N78" s="313"/>
      <c r="O78" s="313"/>
      <c r="P78" s="313"/>
      <c r="Q78" s="313"/>
      <c r="R78" s="319"/>
    </row>
    <row r="79" spans="1:19" ht="7.5" customHeight="1">
      <c r="A79" s="312"/>
      <c r="B79" s="323"/>
      <c r="C79" s="324"/>
      <c r="D79" s="324"/>
      <c r="E79" s="324"/>
      <c r="F79" s="324"/>
      <c r="G79" s="324"/>
      <c r="H79" s="324"/>
      <c r="I79" s="324"/>
      <c r="J79" s="324"/>
      <c r="K79" s="324"/>
      <c r="L79" s="324"/>
      <c r="M79" s="324"/>
      <c r="N79" s="324"/>
      <c r="O79" s="324"/>
      <c r="P79" s="324"/>
      <c r="Q79" s="324"/>
      <c r="R79" s="325"/>
    </row>
    <row r="80" spans="1:19" ht="19.2">
      <c r="A80" s="312"/>
      <c r="B80" s="313"/>
      <c r="C80" s="313"/>
      <c r="D80" s="313"/>
      <c r="E80" s="313"/>
      <c r="F80" s="313"/>
      <c r="G80" s="313"/>
      <c r="H80" s="313"/>
      <c r="I80" s="313"/>
      <c r="J80" s="313"/>
      <c r="K80" s="313"/>
      <c r="L80" s="313"/>
      <c r="M80" s="313"/>
      <c r="N80" s="313"/>
      <c r="O80" s="313"/>
      <c r="P80" s="313"/>
      <c r="Q80" s="313"/>
      <c r="R80" s="313"/>
      <c r="S80" s="21"/>
    </row>
    <row r="81" spans="1:19" ht="27" customHeight="1">
      <c r="A81" s="312"/>
      <c r="B81" s="312" t="s">
        <v>545</v>
      </c>
      <c r="C81" s="312"/>
      <c r="D81" s="312"/>
      <c r="E81" s="312"/>
      <c r="F81" s="312"/>
      <c r="G81" s="313"/>
      <c r="H81" s="313"/>
      <c r="I81" s="313"/>
      <c r="J81" s="313"/>
      <c r="K81" s="312"/>
      <c r="L81" s="312"/>
      <c r="M81" s="312"/>
      <c r="N81" s="312"/>
      <c r="O81" s="312"/>
      <c r="P81" s="312"/>
      <c r="Q81" s="312"/>
      <c r="R81" s="312"/>
      <c r="S81" s="312"/>
    </row>
    <row r="82" spans="1:19" ht="7.5" customHeight="1">
      <c r="A82" s="312"/>
      <c r="B82" s="314"/>
      <c r="C82" s="315"/>
      <c r="D82" s="315"/>
      <c r="E82" s="315"/>
      <c r="F82" s="315"/>
      <c r="G82" s="315"/>
      <c r="H82" s="315"/>
      <c r="I82" s="315"/>
      <c r="J82" s="315"/>
      <c r="K82" s="315"/>
      <c r="L82" s="315"/>
      <c r="M82" s="315"/>
      <c r="N82" s="315"/>
      <c r="O82" s="315"/>
      <c r="P82" s="315"/>
      <c r="Q82" s="315"/>
      <c r="R82" s="316"/>
      <c r="S82" s="312"/>
    </row>
    <row r="83" spans="1:19" ht="27" customHeight="1">
      <c r="A83" s="312"/>
      <c r="B83" s="321" t="s">
        <v>546</v>
      </c>
      <c r="C83" s="313"/>
      <c r="D83" s="313"/>
      <c r="E83" s="313"/>
      <c r="F83" s="313"/>
      <c r="G83" s="313"/>
      <c r="H83" s="313"/>
      <c r="I83" s="313"/>
      <c r="J83" s="313"/>
      <c r="K83" s="313"/>
      <c r="L83" s="313"/>
      <c r="M83" s="313"/>
      <c r="N83" s="313"/>
      <c r="O83" s="313"/>
      <c r="P83" s="313"/>
      <c r="Q83" s="313"/>
      <c r="R83" s="319"/>
      <c r="S83" s="312"/>
    </row>
    <row r="84" spans="1:19" ht="7.5" customHeight="1">
      <c r="A84" s="312"/>
      <c r="B84" s="321"/>
      <c r="C84" s="313"/>
      <c r="D84" s="313"/>
      <c r="E84" s="313"/>
      <c r="F84" s="313"/>
      <c r="G84" s="313"/>
      <c r="H84" s="313"/>
      <c r="I84" s="313"/>
      <c r="J84" s="313"/>
      <c r="K84" s="313"/>
      <c r="L84" s="313"/>
      <c r="M84" s="313"/>
      <c r="N84" s="313"/>
      <c r="O84" s="313"/>
      <c r="P84" s="313"/>
      <c r="Q84" s="313"/>
      <c r="R84" s="319"/>
      <c r="S84" s="312"/>
    </row>
    <row r="85" spans="1:19" ht="27" customHeight="1">
      <c r="A85" s="312"/>
      <c r="B85" s="321"/>
      <c r="C85" s="1105" t="s">
        <v>552</v>
      </c>
      <c r="D85" s="1105"/>
      <c r="E85" s="1105"/>
      <c r="F85" s="1105"/>
      <c r="G85" s="351" t="s">
        <v>463</v>
      </c>
      <c r="H85" s="367"/>
      <c r="I85" s="367"/>
      <c r="J85" s="367"/>
      <c r="K85" s="367"/>
      <c r="L85" s="313"/>
      <c r="M85" s="313"/>
      <c r="N85" s="313"/>
      <c r="O85" s="313"/>
      <c r="P85" s="313"/>
      <c r="Q85" s="313"/>
      <c r="R85" s="319"/>
      <c r="S85" s="21"/>
    </row>
    <row r="86" spans="1:19" ht="27" customHeight="1">
      <c r="A86" s="21"/>
      <c r="B86" s="352"/>
      <c r="C86" s="1130" t="s">
        <v>547</v>
      </c>
      <c r="D86" s="1130"/>
      <c r="E86" s="1130"/>
      <c r="F86" s="1130"/>
      <c r="G86" s="320">
        <v>1</v>
      </c>
      <c r="H86" s="366" t="s">
        <v>555</v>
      </c>
      <c r="I86" s="368"/>
      <c r="J86" s="368"/>
      <c r="K86" s="368"/>
      <c r="L86" s="69"/>
      <c r="M86" s="69"/>
      <c r="N86" s="69"/>
      <c r="O86" s="69"/>
      <c r="P86" s="69"/>
      <c r="Q86" s="69"/>
      <c r="R86" s="122"/>
      <c r="S86" s="21"/>
    </row>
    <row r="87" spans="1:19" ht="27" customHeight="1" thickBot="1">
      <c r="A87" s="21"/>
      <c r="B87" s="352"/>
      <c r="C87" s="1131" t="s">
        <v>548</v>
      </c>
      <c r="D87" s="1131"/>
      <c r="E87" s="1131"/>
      <c r="F87" s="1131"/>
      <c r="G87" s="369">
        <v>2</v>
      </c>
      <c r="H87" s="368"/>
      <c r="I87" s="368"/>
      <c r="J87" s="368"/>
      <c r="K87" s="368"/>
      <c r="L87" s="69"/>
      <c r="M87" s="69"/>
      <c r="N87" s="69"/>
      <c r="O87" s="69"/>
      <c r="P87" s="69"/>
      <c r="Q87" s="69"/>
      <c r="R87" s="122"/>
      <c r="S87" s="21"/>
    </row>
    <row r="88" spans="1:19" ht="27" customHeight="1">
      <c r="A88" s="21"/>
      <c r="B88" s="352"/>
      <c r="C88" s="1138" t="s">
        <v>549</v>
      </c>
      <c r="D88" s="1139"/>
      <c r="E88" s="1139"/>
      <c r="F88" s="1139"/>
      <c r="G88" s="370">
        <v>3</v>
      </c>
      <c r="H88" s="368"/>
      <c r="I88" s="368"/>
      <c r="J88" s="368"/>
      <c r="K88" s="368"/>
      <c r="L88" s="69"/>
      <c r="M88" s="69"/>
      <c r="N88" s="69"/>
      <c r="O88" s="69"/>
      <c r="P88" s="69"/>
      <c r="Q88" s="69"/>
      <c r="R88" s="122"/>
      <c r="S88" s="21"/>
    </row>
    <row r="89" spans="1:19" ht="27" customHeight="1" thickBot="1">
      <c r="A89" s="21"/>
      <c r="B89" s="352"/>
      <c r="C89" s="1132" t="s">
        <v>550</v>
      </c>
      <c r="D89" s="1133"/>
      <c r="E89" s="1133"/>
      <c r="F89" s="1133"/>
      <c r="G89" s="371">
        <v>4</v>
      </c>
      <c r="H89" s="368"/>
      <c r="I89" s="368"/>
      <c r="J89" s="368"/>
      <c r="K89" s="368"/>
      <c r="L89" s="69"/>
      <c r="M89" s="69"/>
      <c r="N89" s="69"/>
      <c r="O89" s="69"/>
      <c r="P89" s="69"/>
      <c r="Q89" s="69"/>
      <c r="R89" s="122"/>
      <c r="S89" s="21"/>
    </row>
    <row r="90" spans="1:19" ht="7.5" customHeight="1">
      <c r="A90" s="21"/>
      <c r="B90" s="353"/>
      <c r="C90" s="120"/>
      <c r="D90" s="120"/>
      <c r="E90" s="120"/>
      <c r="F90" s="120"/>
      <c r="G90" s="120"/>
      <c r="H90" s="120"/>
      <c r="I90" s="120"/>
      <c r="J90" s="120"/>
      <c r="K90" s="120"/>
      <c r="L90" s="120"/>
      <c r="M90" s="120"/>
      <c r="N90" s="120"/>
      <c r="O90" s="120"/>
      <c r="P90" s="120"/>
      <c r="Q90" s="120"/>
      <c r="R90" s="123"/>
      <c r="S90" s="21"/>
    </row>
    <row r="91" spans="1:19" ht="22.5" customHeight="1">
      <c r="A91" s="21"/>
      <c r="B91" s="138"/>
      <c r="C91" s="138"/>
      <c r="D91" s="138"/>
      <c r="E91" s="138"/>
      <c r="F91" s="138"/>
      <c r="G91" s="138"/>
      <c r="H91" s="138"/>
      <c r="I91" s="138"/>
      <c r="J91" s="138"/>
      <c r="K91" s="138"/>
      <c r="L91" s="138"/>
      <c r="M91" s="138"/>
      <c r="N91" s="138"/>
      <c r="O91" s="138"/>
      <c r="P91" s="138"/>
      <c r="Q91" s="138"/>
      <c r="R91" s="138"/>
      <c r="S91" s="312"/>
    </row>
    <row r="92" spans="1:19" ht="27" customHeight="1">
      <c r="A92" s="312"/>
      <c r="B92" s="312" t="s">
        <v>588</v>
      </c>
      <c r="C92" s="312"/>
      <c r="D92" s="312"/>
      <c r="E92" s="312"/>
      <c r="F92" s="312"/>
      <c r="G92" s="313"/>
      <c r="H92" s="313"/>
      <c r="I92" s="313"/>
      <c r="J92" s="313"/>
      <c r="K92" s="312"/>
      <c r="L92" s="312"/>
      <c r="M92" s="312"/>
      <c r="N92" s="312"/>
      <c r="O92" s="312"/>
      <c r="P92" s="312"/>
      <c r="Q92" s="312"/>
      <c r="R92" s="312"/>
      <c r="S92" s="312"/>
    </row>
    <row r="93" spans="1:19" ht="7.5" customHeight="1">
      <c r="A93" s="312"/>
      <c r="B93" s="314"/>
      <c r="C93" s="315"/>
      <c r="D93" s="315"/>
      <c r="E93" s="315"/>
      <c r="F93" s="315"/>
      <c r="G93" s="315"/>
      <c r="H93" s="315"/>
      <c r="I93" s="315"/>
      <c r="J93" s="315"/>
      <c r="K93" s="315"/>
      <c r="L93" s="315"/>
      <c r="M93" s="315"/>
      <c r="N93" s="315"/>
      <c r="O93" s="315"/>
      <c r="P93" s="315"/>
      <c r="Q93" s="315"/>
      <c r="R93" s="316"/>
      <c r="S93" s="312"/>
    </row>
    <row r="94" spans="1:19" ht="27" customHeight="1">
      <c r="A94" s="312"/>
      <c r="B94" s="321" t="s">
        <v>551</v>
      </c>
      <c r="C94" s="313"/>
      <c r="D94" s="313"/>
      <c r="E94" s="313"/>
      <c r="F94" s="313"/>
      <c r="G94" s="313"/>
      <c r="H94" s="313"/>
      <c r="I94" s="313"/>
      <c r="J94" s="313"/>
      <c r="K94" s="313"/>
      <c r="L94" s="313"/>
      <c r="M94" s="313"/>
      <c r="N94" s="313"/>
      <c r="O94" s="313"/>
      <c r="P94" s="313"/>
      <c r="Q94" s="313"/>
      <c r="R94" s="319"/>
      <c r="S94" s="312"/>
    </row>
    <row r="95" spans="1:19" ht="7.5" customHeight="1">
      <c r="A95" s="312"/>
      <c r="B95" s="321"/>
      <c r="C95" s="313"/>
      <c r="D95" s="313"/>
      <c r="E95" s="313"/>
      <c r="F95" s="313"/>
      <c r="G95" s="313"/>
      <c r="H95" s="313"/>
      <c r="I95" s="313"/>
      <c r="J95" s="313"/>
      <c r="K95" s="313"/>
      <c r="L95" s="313"/>
      <c r="M95" s="313"/>
      <c r="N95" s="313"/>
      <c r="O95" s="313"/>
      <c r="P95" s="313"/>
      <c r="Q95" s="313"/>
      <c r="R95" s="319"/>
      <c r="S95" s="312"/>
    </row>
    <row r="96" spans="1:19" ht="27" customHeight="1">
      <c r="A96" s="312"/>
      <c r="B96" s="321"/>
      <c r="C96" s="1152" t="s">
        <v>510</v>
      </c>
      <c r="D96" s="1152"/>
      <c r="E96" s="1152"/>
      <c r="F96" s="1152"/>
      <c r="G96" s="372" t="s">
        <v>463</v>
      </c>
      <c r="H96" s="367"/>
      <c r="I96" s="367"/>
      <c r="J96" s="367"/>
      <c r="K96" s="367"/>
      <c r="L96" s="313"/>
      <c r="M96" s="313"/>
      <c r="N96" s="313"/>
      <c r="O96" s="313"/>
      <c r="P96" s="313"/>
      <c r="Q96" s="313"/>
      <c r="R96" s="319"/>
      <c r="S96" s="21"/>
    </row>
    <row r="97" spans="1:19" ht="27" customHeight="1">
      <c r="A97" s="21"/>
      <c r="B97" s="352"/>
      <c r="C97" s="1134" t="s">
        <v>609</v>
      </c>
      <c r="D97" s="1135"/>
      <c r="E97" s="1135"/>
      <c r="F97" s="1136"/>
      <c r="G97" s="320">
        <v>1</v>
      </c>
      <c r="H97" s="368"/>
      <c r="I97" s="368"/>
      <c r="J97" s="368"/>
      <c r="K97" s="368"/>
      <c r="L97" s="69"/>
      <c r="M97" s="69"/>
      <c r="N97" s="69"/>
      <c r="O97" s="69"/>
      <c r="P97" s="69"/>
      <c r="Q97" s="69"/>
      <c r="R97" s="122"/>
      <c r="S97" s="21"/>
    </row>
    <row r="98" spans="1:19" ht="27" customHeight="1">
      <c r="A98" s="21"/>
      <c r="B98" s="352"/>
      <c r="C98" s="1134" t="s">
        <v>615</v>
      </c>
      <c r="D98" s="1135"/>
      <c r="E98" s="1135"/>
      <c r="F98" s="1136"/>
      <c r="G98" s="320">
        <v>2</v>
      </c>
      <c r="H98" s="368"/>
      <c r="I98" s="368"/>
      <c r="J98" s="368"/>
      <c r="K98" s="368"/>
      <c r="L98" s="69"/>
      <c r="M98" s="69"/>
      <c r="N98" s="69"/>
      <c r="O98" s="69"/>
      <c r="P98" s="69"/>
      <c r="Q98" s="69"/>
      <c r="R98" s="122"/>
      <c r="S98" s="21"/>
    </row>
    <row r="99" spans="1:19" ht="27" customHeight="1">
      <c r="A99" s="21"/>
      <c r="B99" s="352"/>
      <c r="C99" s="1137" t="s">
        <v>782</v>
      </c>
      <c r="D99" s="1137"/>
      <c r="E99" s="1137"/>
      <c r="F99" s="1137"/>
      <c r="G99" s="320">
        <v>3</v>
      </c>
      <c r="H99" s="368"/>
      <c r="I99" s="368"/>
      <c r="J99" s="368"/>
      <c r="K99" s="368"/>
      <c r="L99" s="69"/>
      <c r="M99" s="69"/>
      <c r="N99" s="69"/>
      <c r="O99" s="69"/>
      <c r="P99" s="69"/>
      <c r="Q99" s="69"/>
      <c r="R99" s="122"/>
      <c r="S99" s="21"/>
    </row>
    <row r="100" spans="1:19" ht="27" customHeight="1">
      <c r="A100" s="21"/>
      <c r="B100" s="352"/>
      <c r="C100" s="1143" t="s">
        <v>783</v>
      </c>
      <c r="D100" s="1143"/>
      <c r="E100" s="1143"/>
      <c r="F100" s="1143"/>
      <c r="G100" s="320">
        <v>4</v>
      </c>
      <c r="H100" s="368"/>
      <c r="I100" s="368"/>
      <c r="J100" s="368"/>
      <c r="K100" s="368"/>
      <c r="L100" s="69"/>
      <c r="M100" s="69"/>
      <c r="N100" s="69"/>
      <c r="O100" s="69"/>
      <c r="P100" s="69"/>
      <c r="Q100" s="69"/>
      <c r="R100" s="122"/>
      <c r="S100" s="21"/>
    </row>
    <row r="101" spans="1:19" ht="27" customHeight="1">
      <c r="A101" s="21"/>
      <c r="B101" s="352"/>
      <c r="C101" s="1128" t="s">
        <v>553</v>
      </c>
      <c r="D101" s="1128"/>
      <c r="E101" s="1128"/>
      <c r="F101" s="1128"/>
      <c r="G101" s="320">
        <v>5</v>
      </c>
      <c r="H101" s="368"/>
      <c r="I101" s="368"/>
      <c r="J101" s="368"/>
      <c r="K101" s="368"/>
      <c r="L101" s="69"/>
      <c r="M101" s="69"/>
      <c r="N101" s="69"/>
      <c r="O101" s="69"/>
      <c r="P101" s="69"/>
      <c r="Q101" s="69"/>
      <c r="R101" s="122"/>
      <c r="S101" s="21"/>
    </row>
    <row r="102" spans="1:19" ht="27" customHeight="1">
      <c r="A102" s="21"/>
      <c r="B102" s="352"/>
      <c r="C102" s="1128" t="s">
        <v>471</v>
      </c>
      <c r="D102" s="1128"/>
      <c r="E102" s="1128"/>
      <c r="F102" s="1128"/>
      <c r="G102" s="320">
        <v>6</v>
      </c>
      <c r="H102" s="368"/>
      <c r="I102" s="368"/>
      <c r="J102" s="368"/>
      <c r="K102" s="368"/>
      <c r="L102" s="69"/>
      <c r="M102" s="69"/>
      <c r="N102" s="69"/>
      <c r="O102" s="69"/>
      <c r="P102" s="69"/>
      <c r="Q102" s="69"/>
      <c r="R102" s="122"/>
      <c r="S102" s="21"/>
    </row>
    <row r="103" spans="1:19" ht="7.5" customHeight="1">
      <c r="A103" s="21"/>
      <c r="B103" s="353"/>
      <c r="C103" s="120"/>
      <c r="D103" s="120"/>
      <c r="E103" s="120"/>
      <c r="F103" s="120"/>
      <c r="G103" s="120"/>
      <c r="H103" s="120"/>
      <c r="I103" s="120"/>
      <c r="J103" s="120"/>
      <c r="K103" s="120"/>
      <c r="L103" s="120"/>
      <c r="M103" s="120"/>
      <c r="N103" s="120"/>
      <c r="O103" s="120"/>
      <c r="P103" s="120"/>
      <c r="Q103" s="120"/>
      <c r="R103" s="123"/>
      <c r="S103" s="21"/>
    </row>
    <row r="104" spans="1:19" ht="22.5" customHeight="1">
      <c r="A104" s="21"/>
      <c r="B104" s="138"/>
      <c r="C104" s="138"/>
      <c r="D104" s="138"/>
      <c r="E104" s="138"/>
      <c r="F104" s="138"/>
      <c r="G104" s="138"/>
      <c r="H104" s="138"/>
      <c r="I104" s="138"/>
      <c r="J104" s="138"/>
      <c r="K104" s="138"/>
      <c r="L104" s="138"/>
      <c r="M104" s="138"/>
      <c r="N104" s="138"/>
      <c r="O104" s="138"/>
      <c r="P104" s="138"/>
      <c r="Q104" s="138"/>
      <c r="R104" s="138"/>
      <c r="S104" s="312"/>
    </row>
    <row r="105" spans="1:19" ht="27" customHeight="1">
      <c r="A105" s="312"/>
      <c r="B105" s="312" t="s">
        <v>589</v>
      </c>
      <c r="C105" s="312"/>
      <c r="D105" s="312"/>
      <c r="E105" s="312"/>
      <c r="F105" s="312"/>
      <c r="G105" s="313"/>
      <c r="H105" s="313"/>
      <c r="I105" s="313"/>
      <c r="J105" s="313"/>
      <c r="K105" s="312"/>
      <c r="L105" s="312"/>
      <c r="M105" s="312"/>
      <c r="N105" s="312"/>
      <c r="O105" s="312"/>
      <c r="P105" s="312"/>
      <c r="Q105" s="312"/>
      <c r="R105" s="312"/>
      <c r="S105" s="312"/>
    </row>
    <row r="106" spans="1:19" ht="7.5" customHeight="1">
      <c r="A106" s="312"/>
      <c r="B106" s="314"/>
      <c r="C106" s="315"/>
      <c r="D106" s="315"/>
      <c r="E106" s="315"/>
      <c r="F106" s="315"/>
      <c r="G106" s="315"/>
      <c r="H106" s="315"/>
      <c r="I106" s="315"/>
      <c r="J106" s="315"/>
      <c r="K106" s="315"/>
      <c r="L106" s="315"/>
      <c r="M106" s="315"/>
      <c r="N106" s="315"/>
      <c r="O106" s="315"/>
      <c r="P106" s="315"/>
      <c r="Q106" s="315"/>
      <c r="R106" s="316"/>
      <c r="S106" s="312"/>
    </row>
    <row r="107" spans="1:19" ht="27" customHeight="1">
      <c r="A107" s="312"/>
      <c r="B107" s="321" t="s">
        <v>556</v>
      </c>
      <c r="C107" s="313"/>
      <c r="D107" s="313"/>
      <c r="E107" s="313"/>
      <c r="F107" s="313"/>
      <c r="G107" s="313"/>
      <c r="H107" s="313"/>
      <c r="I107" s="313"/>
      <c r="J107" s="313"/>
      <c r="K107" s="313"/>
      <c r="L107" s="313"/>
      <c r="M107" s="313"/>
      <c r="N107" s="313"/>
      <c r="O107" s="313"/>
      <c r="P107" s="313"/>
      <c r="Q107" s="313"/>
      <c r="R107" s="319"/>
      <c r="S107" s="312"/>
    </row>
    <row r="108" spans="1:19" ht="7.5" customHeight="1">
      <c r="A108" s="312"/>
      <c r="B108" s="321"/>
      <c r="C108" s="313"/>
      <c r="D108" s="313"/>
      <c r="E108" s="313"/>
      <c r="F108" s="313"/>
      <c r="G108" s="313"/>
      <c r="H108" s="313"/>
      <c r="I108" s="313"/>
      <c r="J108" s="313"/>
      <c r="K108" s="313"/>
      <c r="L108" s="313"/>
      <c r="M108" s="313"/>
      <c r="N108" s="313"/>
      <c r="O108" s="313"/>
      <c r="P108" s="313"/>
      <c r="Q108" s="313"/>
      <c r="R108" s="319"/>
      <c r="S108" s="312"/>
    </row>
    <row r="109" spans="1:19" ht="27" customHeight="1">
      <c r="A109" s="312"/>
      <c r="B109" s="321"/>
      <c r="C109" s="1105" t="s">
        <v>557</v>
      </c>
      <c r="D109" s="1105"/>
      <c r="E109" s="1105"/>
      <c r="F109" s="1105"/>
      <c r="G109" s="351" t="s">
        <v>463</v>
      </c>
      <c r="H109" s="367"/>
      <c r="I109" s="367"/>
      <c r="J109" s="367"/>
      <c r="K109" s="367"/>
      <c r="L109" s="313"/>
      <c r="M109" s="313"/>
      <c r="N109" s="313"/>
      <c r="O109" s="313"/>
      <c r="P109" s="313"/>
      <c r="Q109" s="313"/>
      <c r="R109" s="319"/>
      <c r="S109" s="21"/>
    </row>
    <row r="110" spans="1:19" ht="27" customHeight="1">
      <c r="A110" s="21"/>
      <c r="B110" s="352"/>
      <c r="C110" s="1130" t="s">
        <v>558</v>
      </c>
      <c r="D110" s="1130"/>
      <c r="E110" s="1130"/>
      <c r="F110" s="1130"/>
      <c r="G110" s="320">
        <v>1</v>
      </c>
      <c r="H110" s="368"/>
      <c r="I110" s="368"/>
      <c r="J110" s="368"/>
      <c r="K110" s="368"/>
      <c r="L110" s="69"/>
      <c r="M110" s="69"/>
      <c r="N110" s="69"/>
      <c r="O110" s="69"/>
      <c r="P110" s="69"/>
      <c r="Q110" s="69"/>
      <c r="R110" s="122"/>
      <c r="S110" s="21"/>
    </row>
    <row r="111" spans="1:19" ht="27" customHeight="1">
      <c r="A111" s="21"/>
      <c r="B111" s="352"/>
      <c r="C111" s="1128" t="s">
        <v>559</v>
      </c>
      <c r="D111" s="1128"/>
      <c r="E111" s="1128"/>
      <c r="F111" s="1128"/>
      <c r="G111" s="320">
        <v>2</v>
      </c>
      <c r="H111" s="368"/>
      <c r="I111" s="368"/>
      <c r="J111" s="368"/>
      <c r="K111" s="368"/>
      <c r="L111" s="69"/>
      <c r="M111" s="69"/>
      <c r="N111" s="69"/>
      <c r="O111" s="69"/>
      <c r="P111" s="69"/>
      <c r="Q111" s="69"/>
      <c r="R111" s="122"/>
      <c r="S111" s="21"/>
    </row>
    <row r="112" spans="1:19" ht="27" customHeight="1">
      <c r="A112" s="21"/>
      <c r="B112" s="352"/>
      <c r="C112" s="1128" t="s">
        <v>560</v>
      </c>
      <c r="D112" s="1128"/>
      <c r="E112" s="1128"/>
      <c r="F112" s="1128"/>
      <c r="G112" s="320">
        <v>3</v>
      </c>
      <c r="H112" s="368"/>
      <c r="I112" s="368"/>
      <c r="J112" s="368"/>
      <c r="K112" s="368"/>
      <c r="L112" s="69"/>
      <c r="M112" s="69"/>
      <c r="N112" s="69"/>
      <c r="O112" s="69"/>
      <c r="P112" s="69"/>
      <c r="Q112" s="69"/>
      <c r="R112" s="122"/>
      <c r="S112" s="21"/>
    </row>
    <row r="113" spans="1:19" ht="27" customHeight="1">
      <c r="A113" s="21"/>
      <c r="B113" s="352"/>
      <c r="C113" s="1144" t="s">
        <v>561</v>
      </c>
      <c r="D113" s="1145"/>
      <c r="E113" s="1145"/>
      <c r="F113" s="1146"/>
      <c r="G113" s="320">
        <v>4</v>
      </c>
      <c r="H113" s="368"/>
      <c r="I113" s="368"/>
      <c r="J113" s="368"/>
      <c r="K113" s="368"/>
      <c r="L113" s="69"/>
      <c r="M113" s="69"/>
      <c r="N113" s="69"/>
      <c r="O113" s="69"/>
      <c r="P113" s="69"/>
      <c r="Q113" s="69"/>
      <c r="R113" s="122"/>
      <c r="S113" s="21"/>
    </row>
    <row r="114" spans="1:19" ht="27" customHeight="1">
      <c r="A114" s="21"/>
      <c r="B114" s="352"/>
      <c r="C114" s="1128" t="s">
        <v>553</v>
      </c>
      <c r="D114" s="1128"/>
      <c r="E114" s="1128"/>
      <c r="F114" s="1128"/>
      <c r="G114" s="320">
        <v>5</v>
      </c>
      <c r="H114" s="368"/>
      <c r="I114" s="368"/>
      <c r="J114" s="368"/>
      <c r="K114" s="368"/>
      <c r="L114" s="69"/>
      <c r="M114" s="69"/>
      <c r="N114" s="69"/>
      <c r="O114" s="69"/>
      <c r="P114" s="69"/>
      <c r="Q114" s="69"/>
      <c r="R114" s="122"/>
      <c r="S114" s="21"/>
    </row>
    <row r="115" spans="1:19" ht="27" customHeight="1">
      <c r="A115" s="21"/>
      <c r="B115" s="352"/>
      <c r="C115" s="1128" t="s">
        <v>471</v>
      </c>
      <c r="D115" s="1128"/>
      <c r="E115" s="1128"/>
      <c r="F115" s="1128"/>
      <c r="G115" s="320">
        <v>6</v>
      </c>
      <c r="H115" s="368"/>
      <c r="I115" s="368"/>
      <c r="J115" s="368"/>
      <c r="K115" s="368"/>
      <c r="L115" s="69"/>
      <c r="M115" s="69"/>
      <c r="N115" s="69"/>
      <c r="O115" s="69"/>
      <c r="P115" s="69"/>
      <c r="Q115" s="69"/>
      <c r="R115" s="122"/>
      <c r="S115" s="21"/>
    </row>
    <row r="116" spans="1:19" ht="7.5" customHeight="1">
      <c r="A116" s="21"/>
      <c r="B116" s="353"/>
      <c r="C116" s="120"/>
      <c r="D116" s="120"/>
      <c r="E116" s="120"/>
      <c r="F116" s="120"/>
      <c r="G116" s="120"/>
      <c r="H116" s="120"/>
      <c r="I116" s="120"/>
      <c r="J116" s="120"/>
      <c r="K116" s="120"/>
      <c r="L116" s="120"/>
      <c r="M116" s="120"/>
      <c r="N116" s="120"/>
      <c r="O116" s="120"/>
      <c r="P116" s="120"/>
      <c r="Q116" s="120"/>
      <c r="R116" s="123"/>
      <c r="S116" s="21"/>
    </row>
    <row r="117" spans="1:19" ht="22.5" customHeight="1">
      <c r="A117" s="21"/>
      <c r="B117" s="138"/>
      <c r="C117" s="138"/>
      <c r="D117" s="138"/>
      <c r="E117" s="138"/>
      <c r="F117" s="138"/>
      <c r="G117" s="138"/>
      <c r="H117" s="138"/>
      <c r="I117" s="138"/>
      <c r="J117" s="138"/>
      <c r="K117" s="138"/>
      <c r="L117" s="138"/>
      <c r="M117" s="138"/>
      <c r="N117" s="138"/>
      <c r="O117" s="138"/>
      <c r="P117" s="138"/>
      <c r="Q117" s="138"/>
      <c r="R117" s="138"/>
      <c r="S117" s="21"/>
    </row>
    <row r="118" spans="1:19" ht="22.5" customHeight="1">
      <c r="A118" s="21"/>
      <c r="B118" s="312" t="s">
        <v>590</v>
      </c>
      <c r="C118" s="69"/>
      <c r="D118" s="69"/>
      <c r="E118" s="69"/>
      <c r="F118" s="69"/>
      <c r="G118" s="69"/>
      <c r="H118" s="69"/>
      <c r="I118" s="69"/>
      <c r="J118" s="69"/>
      <c r="K118" s="69"/>
      <c r="L118" s="69"/>
      <c r="M118" s="69"/>
      <c r="N118" s="69"/>
      <c r="O118" s="69"/>
      <c r="P118" s="69"/>
      <c r="Q118" s="69"/>
      <c r="R118" s="69"/>
      <c r="S118" s="312"/>
    </row>
    <row r="119" spans="1:19" ht="7.5" customHeight="1">
      <c r="A119" s="312"/>
      <c r="B119" s="314"/>
      <c r="C119" s="315"/>
      <c r="D119" s="315"/>
      <c r="E119" s="315"/>
      <c r="F119" s="315"/>
      <c r="G119" s="315"/>
      <c r="H119" s="315"/>
      <c r="I119" s="315"/>
      <c r="J119" s="315"/>
      <c r="K119" s="315"/>
      <c r="L119" s="315"/>
      <c r="M119" s="315"/>
      <c r="N119" s="315"/>
      <c r="O119" s="315"/>
      <c r="P119" s="315"/>
      <c r="Q119" s="315"/>
      <c r="R119" s="316"/>
      <c r="S119" s="312"/>
    </row>
    <row r="120" spans="1:19" ht="27" customHeight="1">
      <c r="A120" s="312"/>
      <c r="B120" s="321" t="s">
        <v>591</v>
      </c>
      <c r="C120" s="313"/>
      <c r="D120" s="313"/>
      <c r="E120" s="313"/>
      <c r="F120" s="313"/>
      <c r="G120" s="313"/>
      <c r="H120" s="313"/>
      <c r="I120" s="313"/>
      <c r="J120" s="313"/>
      <c r="K120" s="313"/>
      <c r="L120" s="313"/>
      <c r="M120" s="313"/>
      <c r="N120" s="313"/>
      <c r="O120" s="313"/>
      <c r="P120" s="313"/>
      <c r="Q120" s="313"/>
      <c r="R120" s="319"/>
      <c r="S120" s="312"/>
    </row>
    <row r="121" spans="1:19" ht="7.5" customHeight="1">
      <c r="A121" s="312"/>
      <c r="B121" s="321"/>
      <c r="C121" s="313"/>
      <c r="D121" s="313"/>
      <c r="E121" s="313"/>
      <c r="F121" s="313"/>
      <c r="G121" s="313"/>
      <c r="H121" s="313"/>
      <c r="I121" s="313"/>
      <c r="J121" s="313"/>
      <c r="K121" s="313"/>
      <c r="L121" s="313"/>
      <c r="M121" s="313"/>
      <c r="N121" s="313"/>
      <c r="O121" s="313"/>
      <c r="P121" s="313"/>
      <c r="Q121" s="313"/>
      <c r="R121" s="319"/>
    </row>
    <row r="122" spans="1:19" ht="27" customHeight="1">
      <c r="A122" s="312"/>
      <c r="B122" s="321"/>
      <c r="C122" s="1126" t="s">
        <v>567</v>
      </c>
      <c r="D122" s="1126"/>
      <c r="E122" s="1126"/>
      <c r="F122" s="1126"/>
      <c r="G122" s="1126"/>
      <c r="H122" s="1126"/>
      <c r="I122" s="1126"/>
      <c r="J122" s="1126"/>
      <c r="K122" s="1126"/>
      <c r="L122" s="1126"/>
      <c r="M122" s="1126"/>
      <c r="N122" s="1126"/>
      <c r="O122" s="1126"/>
      <c r="P122" s="351" t="s">
        <v>463</v>
      </c>
      <c r="Q122" s="313"/>
      <c r="R122" s="319"/>
    </row>
    <row r="123" spans="1:19" ht="27" customHeight="1">
      <c r="A123" s="21"/>
      <c r="B123" s="352"/>
      <c r="C123" s="1127" t="s">
        <v>563</v>
      </c>
      <c r="D123" s="1127"/>
      <c r="E123" s="1127"/>
      <c r="F123" s="1127"/>
      <c r="G123" s="1127"/>
      <c r="H123" s="1127"/>
      <c r="I123" s="1127"/>
      <c r="J123" s="1127"/>
      <c r="K123" s="1127"/>
      <c r="L123" s="1127"/>
      <c r="M123" s="1127"/>
      <c r="N123" s="1127"/>
      <c r="O123" s="1127"/>
      <c r="P123" s="320">
        <v>1</v>
      </c>
      <c r="Q123" s="69"/>
      <c r="R123" s="122"/>
    </row>
    <row r="124" spans="1:19" ht="27" customHeight="1">
      <c r="A124" s="21"/>
      <c r="B124" s="352"/>
      <c r="C124" s="1126" t="s">
        <v>564</v>
      </c>
      <c r="D124" s="1126"/>
      <c r="E124" s="1126"/>
      <c r="F124" s="1126"/>
      <c r="G124" s="1126"/>
      <c r="H124" s="1126"/>
      <c r="I124" s="1126"/>
      <c r="J124" s="1126"/>
      <c r="K124" s="1126"/>
      <c r="L124" s="1126"/>
      <c r="M124" s="1126"/>
      <c r="N124" s="1126"/>
      <c r="O124" s="1126"/>
      <c r="P124" s="320">
        <v>2</v>
      </c>
      <c r="Q124" s="69"/>
      <c r="R124" s="122"/>
    </row>
    <row r="125" spans="1:19" ht="27" customHeight="1">
      <c r="A125" s="21"/>
      <c r="B125" s="352"/>
      <c r="C125" s="1126" t="s">
        <v>565</v>
      </c>
      <c r="D125" s="1126"/>
      <c r="E125" s="1126"/>
      <c r="F125" s="1126"/>
      <c r="G125" s="1126"/>
      <c r="H125" s="1126"/>
      <c r="I125" s="1126"/>
      <c r="J125" s="1126"/>
      <c r="K125" s="1126"/>
      <c r="L125" s="1126"/>
      <c r="M125" s="1126"/>
      <c r="N125" s="1126"/>
      <c r="O125" s="1126"/>
      <c r="P125" s="320">
        <v>3</v>
      </c>
      <c r="Q125" s="69"/>
      <c r="R125" s="122"/>
    </row>
    <row r="126" spans="1:19" ht="27" customHeight="1">
      <c r="A126" s="21"/>
      <c r="B126" s="352"/>
      <c r="C126" s="1126" t="s">
        <v>562</v>
      </c>
      <c r="D126" s="1126"/>
      <c r="E126" s="1126"/>
      <c r="F126" s="1126"/>
      <c r="G126" s="1126"/>
      <c r="H126" s="1126"/>
      <c r="I126" s="1126"/>
      <c r="J126" s="1126"/>
      <c r="K126" s="1126"/>
      <c r="L126" s="1126"/>
      <c r="M126" s="1126"/>
      <c r="N126" s="1126"/>
      <c r="O126" s="1126"/>
      <c r="P126" s="320">
        <v>4</v>
      </c>
      <c r="Q126" s="69"/>
      <c r="R126" s="122"/>
    </row>
    <row r="127" spans="1:19" ht="27" customHeight="1">
      <c r="A127" s="21"/>
      <c r="B127" s="352"/>
      <c r="C127" s="1126" t="s">
        <v>566</v>
      </c>
      <c r="D127" s="1126"/>
      <c r="E127" s="1126"/>
      <c r="F127" s="1126"/>
      <c r="G127" s="1126"/>
      <c r="H127" s="1126"/>
      <c r="I127" s="1126"/>
      <c r="J127" s="1126"/>
      <c r="K127" s="1126"/>
      <c r="L127" s="1126"/>
      <c r="M127" s="1126"/>
      <c r="N127" s="1126"/>
      <c r="O127" s="1126"/>
      <c r="P127" s="320">
        <v>5</v>
      </c>
      <c r="Q127" s="69"/>
      <c r="R127" s="122"/>
    </row>
    <row r="128" spans="1:19" ht="27" customHeight="1">
      <c r="A128" s="21"/>
      <c r="B128" s="352"/>
      <c r="C128" s="1153" t="s">
        <v>592</v>
      </c>
      <c r="D128" s="1154"/>
      <c r="E128" s="1154"/>
      <c r="F128" s="1154"/>
      <c r="G128" s="1154"/>
      <c r="H128" s="1154"/>
      <c r="I128" s="1154"/>
      <c r="J128" s="1154"/>
      <c r="K128" s="1154"/>
      <c r="L128" s="1154"/>
      <c r="M128" s="1154"/>
      <c r="N128" s="1154"/>
      <c r="O128" s="1155"/>
      <c r="P128" s="320">
        <v>6</v>
      </c>
      <c r="Q128" s="69"/>
      <c r="R128" s="122"/>
    </row>
    <row r="129" spans="1:19" ht="27" customHeight="1">
      <c r="A129" s="21"/>
      <c r="B129" s="352"/>
      <c r="C129" s="1126" t="s">
        <v>573</v>
      </c>
      <c r="D129" s="1126"/>
      <c r="E129" s="1126"/>
      <c r="F129" s="1126"/>
      <c r="G129" s="1126"/>
      <c r="H129" s="1126"/>
      <c r="I129" s="1126"/>
      <c r="J129" s="1126"/>
      <c r="K129" s="1126"/>
      <c r="L129" s="1126"/>
      <c r="M129" s="1126"/>
      <c r="N129" s="1126"/>
      <c r="O129" s="1126"/>
      <c r="P129" s="320">
        <v>7</v>
      </c>
      <c r="Q129" s="69"/>
      <c r="R129" s="122"/>
    </row>
    <row r="130" spans="1:19" ht="7.5" customHeight="1">
      <c r="A130" s="21"/>
      <c r="B130" s="353"/>
      <c r="C130" s="120"/>
      <c r="D130" s="120"/>
      <c r="E130" s="120"/>
      <c r="F130" s="120"/>
      <c r="G130" s="120"/>
      <c r="H130" s="120"/>
      <c r="I130" s="120"/>
      <c r="J130" s="120"/>
      <c r="K130" s="120"/>
      <c r="L130" s="120"/>
      <c r="M130" s="120"/>
      <c r="N130" s="120"/>
      <c r="O130" s="120"/>
      <c r="P130" s="120"/>
      <c r="Q130" s="120"/>
      <c r="R130" s="123"/>
      <c r="S130" s="21"/>
    </row>
    <row r="131" spans="1:19" ht="22.5" customHeight="1">
      <c r="A131" s="21"/>
      <c r="B131" s="138"/>
      <c r="C131" s="138"/>
      <c r="D131" s="138"/>
      <c r="E131" s="138"/>
      <c r="F131" s="138"/>
      <c r="G131" s="138"/>
      <c r="H131" s="138"/>
      <c r="I131" s="138"/>
      <c r="J131" s="538">
        <v>6</v>
      </c>
      <c r="K131" s="138"/>
      <c r="L131" s="138"/>
      <c r="M131" s="138"/>
      <c r="N131" s="138"/>
      <c r="O131" s="138"/>
      <c r="P131" s="138"/>
      <c r="Q131" s="138"/>
      <c r="R131" s="138"/>
      <c r="S131" s="21"/>
    </row>
    <row r="132" spans="1:19" ht="27" customHeight="1">
      <c r="A132" s="21"/>
      <c r="B132" s="21"/>
      <c r="C132" s="21"/>
      <c r="D132" s="21"/>
      <c r="E132" s="21"/>
      <c r="F132" s="21"/>
      <c r="G132" s="21"/>
      <c r="H132" s="21"/>
      <c r="I132" s="21"/>
      <c r="J132" s="21"/>
      <c r="K132" s="21"/>
      <c r="L132" s="21"/>
      <c r="M132" s="21"/>
      <c r="N132" s="21"/>
      <c r="O132" s="21"/>
      <c r="P132" s="21"/>
      <c r="Q132" s="21"/>
      <c r="R132" s="21"/>
      <c r="S132" s="21"/>
    </row>
    <row r="133" spans="1:19" ht="27" customHeight="1">
      <c r="A133" s="21"/>
      <c r="B133" s="328" t="s">
        <v>511</v>
      </c>
      <c r="C133" s="21"/>
      <c r="D133" s="21"/>
      <c r="E133" s="21"/>
      <c r="F133" s="21"/>
      <c r="G133" s="21"/>
      <c r="H133" s="21"/>
      <c r="I133" s="313"/>
      <c r="J133" s="21"/>
      <c r="K133" s="21"/>
      <c r="L133" s="21"/>
      <c r="M133" s="21"/>
      <c r="N133" s="21"/>
      <c r="O133" s="21"/>
      <c r="P133" s="21"/>
      <c r="Q133" s="21"/>
      <c r="R133" s="21"/>
      <c r="S133" s="21"/>
    </row>
    <row r="134" spans="1:19" ht="27" customHeight="1">
      <c r="A134" s="21"/>
      <c r="B134" s="354" t="s">
        <v>512</v>
      </c>
      <c r="C134" s="21"/>
      <c r="D134" s="21"/>
      <c r="E134" s="21"/>
      <c r="F134" s="21"/>
      <c r="G134" s="21"/>
      <c r="H134" s="21"/>
      <c r="I134" s="21"/>
      <c r="J134" s="21"/>
      <c r="K134" s="21"/>
      <c r="L134" s="21"/>
      <c r="M134" s="21"/>
      <c r="N134" s="21"/>
      <c r="O134" s="21"/>
      <c r="P134" s="21"/>
      <c r="Q134" s="21"/>
      <c r="R134" s="21"/>
      <c r="S134" s="21"/>
    </row>
    <row r="135" spans="1:19" ht="27" customHeight="1">
      <c r="A135" s="21"/>
      <c r="B135" s="1147" t="s">
        <v>784</v>
      </c>
      <c r="C135" s="1147"/>
      <c r="D135" s="1147"/>
      <c r="E135" s="1147"/>
      <c r="F135" s="1147"/>
      <c r="G135" s="1147"/>
      <c r="H135" s="1147"/>
      <c r="I135" s="1147"/>
      <c r="J135" s="1147"/>
      <c r="K135" s="1147"/>
      <c r="L135" s="1147"/>
      <c r="M135" s="1147"/>
      <c r="N135" s="1147"/>
      <c r="O135" s="1147"/>
      <c r="P135" s="1147"/>
      <c r="Q135" s="1147"/>
      <c r="R135" s="1147"/>
      <c r="S135" s="21"/>
    </row>
    <row r="136" spans="1:19" ht="27" customHeight="1">
      <c r="A136" s="21"/>
      <c r="B136" s="1147"/>
      <c r="C136" s="1147"/>
      <c r="D136" s="1147"/>
      <c r="E136" s="1147"/>
      <c r="F136" s="1147"/>
      <c r="G136" s="1147"/>
      <c r="H136" s="1147"/>
      <c r="I136" s="1147"/>
      <c r="J136" s="1147"/>
      <c r="K136" s="1147"/>
      <c r="L136" s="1147"/>
      <c r="M136" s="1147"/>
      <c r="N136" s="1147"/>
      <c r="O136" s="1147"/>
      <c r="P136" s="1147"/>
      <c r="Q136" s="1147"/>
      <c r="R136" s="1147"/>
      <c r="S136" s="21"/>
    </row>
    <row r="137" spans="1:19" ht="27" customHeight="1">
      <c r="A137" s="21"/>
      <c r="B137" s="355"/>
      <c r="C137" s="355"/>
      <c r="D137" s="355"/>
      <c r="E137" s="355"/>
      <c r="F137" s="355"/>
      <c r="G137" s="355"/>
      <c r="H137" s="355"/>
      <c r="I137" s="355"/>
      <c r="J137" s="355"/>
      <c r="K137" s="355"/>
      <c r="L137" s="355"/>
      <c r="M137" s="355"/>
      <c r="N137" s="355"/>
      <c r="O137" s="355"/>
      <c r="P137" s="355"/>
      <c r="Q137" s="355"/>
      <c r="R137" s="355"/>
      <c r="S137" s="21"/>
    </row>
    <row r="138" spans="1:19" ht="27" customHeight="1">
      <c r="A138" s="21"/>
      <c r="B138" s="312" t="s">
        <v>513</v>
      </c>
      <c r="C138" s="21"/>
      <c r="D138" s="21"/>
      <c r="E138" s="21"/>
      <c r="F138" s="21"/>
      <c r="G138" s="21"/>
      <c r="H138" s="21"/>
      <c r="I138" s="21"/>
      <c r="J138" s="21"/>
      <c r="K138" s="21"/>
      <c r="L138" s="21"/>
      <c r="M138" s="21"/>
      <c r="N138" s="21"/>
      <c r="O138" s="21"/>
      <c r="P138" s="21"/>
      <c r="Q138" s="21"/>
      <c r="R138" s="21"/>
      <c r="S138" s="21"/>
    </row>
    <row r="139" spans="1:19" ht="7.5" customHeight="1">
      <c r="A139" s="21"/>
      <c r="B139" s="314"/>
      <c r="C139" s="138"/>
      <c r="D139" s="138"/>
      <c r="E139" s="138"/>
      <c r="F139" s="138"/>
      <c r="G139" s="138"/>
      <c r="H139" s="138"/>
      <c r="I139" s="138"/>
      <c r="J139" s="138"/>
      <c r="K139" s="138"/>
      <c r="L139" s="138"/>
      <c r="M139" s="138"/>
      <c r="N139" s="138"/>
      <c r="O139" s="138"/>
      <c r="P139" s="138"/>
      <c r="Q139" s="138"/>
      <c r="R139" s="356"/>
      <c r="S139" s="21"/>
    </row>
    <row r="140" spans="1:19" ht="27" customHeight="1">
      <c r="A140" s="21"/>
      <c r="B140" s="1117" t="s">
        <v>514</v>
      </c>
      <c r="C140" s="1118"/>
      <c r="D140" s="1118"/>
      <c r="E140" s="1118"/>
      <c r="F140" s="1118"/>
      <c r="G140" s="1118"/>
      <c r="H140" s="1118"/>
      <c r="I140" s="1118"/>
      <c r="J140" s="1118"/>
      <c r="K140" s="1118"/>
      <c r="L140" s="1118"/>
      <c r="M140" s="1118"/>
      <c r="N140" s="1118"/>
      <c r="O140" s="1118"/>
      <c r="P140" s="1118"/>
      <c r="Q140" s="1118"/>
      <c r="R140" s="1119"/>
      <c r="S140" s="21"/>
    </row>
    <row r="141" spans="1:19" ht="27" customHeight="1">
      <c r="A141" s="21"/>
      <c r="B141" s="1117"/>
      <c r="C141" s="1118"/>
      <c r="D141" s="1118"/>
      <c r="E141" s="1118"/>
      <c r="F141" s="1118"/>
      <c r="G141" s="1118"/>
      <c r="H141" s="1118"/>
      <c r="I141" s="1118"/>
      <c r="J141" s="1118"/>
      <c r="K141" s="1118"/>
      <c r="L141" s="1118"/>
      <c r="M141" s="1118"/>
      <c r="N141" s="1118"/>
      <c r="O141" s="1118"/>
      <c r="P141" s="1118"/>
      <c r="Q141" s="1118"/>
      <c r="R141" s="1119"/>
      <c r="S141" s="21"/>
    </row>
    <row r="142" spans="1:19" ht="27" customHeight="1">
      <c r="A142" s="21"/>
      <c r="B142" s="357" t="s">
        <v>515</v>
      </c>
      <c r="C142" s="69"/>
      <c r="D142" s="69"/>
      <c r="E142" s="69"/>
      <c r="F142" s="69"/>
      <c r="G142" s="69"/>
      <c r="H142" s="69"/>
      <c r="I142" s="69"/>
      <c r="J142" s="69"/>
      <c r="K142" s="69"/>
      <c r="L142" s="69"/>
      <c r="M142" s="69"/>
      <c r="N142" s="69"/>
      <c r="O142" s="69"/>
      <c r="P142" s="69"/>
      <c r="Q142" s="69"/>
      <c r="R142" s="122"/>
      <c r="S142" s="21"/>
    </row>
    <row r="143" spans="1:19" ht="7.5" customHeight="1">
      <c r="A143" s="21"/>
      <c r="B143" s="358"/>
      <c r="C143" s="120"/>
      <c r="D143" s="120"/>
      <c r="E143" s="120"/>
      <c r="F143" s="120"/>
      <c r="G143" s="120"/>
      <c r="H143" s="120"/>
      <c r="I143" s="120"/>
      <c r="J143" s="120"/>
      <c r="K143" s="120"/>
      <c r="L143" s="120"/>
      <c r="M143" s="120"/>
      <c r="N143" s="120"/>
      <c r="O143" s="120"/>
      <c r="P143" s="120"/>
      <c r="Q143" s="120"/>
      <c r="R143" s="123"/>
      <c r="S143" s="21"/>
    </row>
    <row r="144" spans="1:19" ht="27" customHeight="1">
      <c r="A144" s="21"/>
      <c r="B144" s="322"/>
      <c r="C144" s="69"/>
      <c r="D144" s="69"/>
      <c r="E144" s="69"/>
      <c r="F144" s="69"/>
      <c r="G144" s="69"/>
      <c r="H144" s="69"/>
      <c r="I144" s="69"/>
      <c r="J144" s="69"/>
      <c r="K144" s="69"/>
      <c r="L144" s="69"/>
      <c r="M144" s="69"/>
      <c r="N144" s="69"/>
      <c r="O144" s="69"/>
      <c r="P144" s="69"/>
      <c r="Q144" s="69"/>
      <c r="R144" s="69"/>
      <c r="S144" s="21"/>
    </row>
    <row r="145" spans="1:19" ht="27" customHeight="1">
      <c r="A145" s="21"/>
      <c r="B145" s="312" t="s">
        <v>516</v>
      </c>
      <c r="C145" s="21"/>
      <c r="D145" s="21"/>
      <c r="E145" s="21"/>
      <c r="F145" s="21"/>
      <c r="G145" s="21"/>
      <c r="H145" s="21"/>
      <c r="I145" s="21"/>
      <c r="J145" s="21"/>
      <c r="K145" s="21"/>
      <c r="L145" s="21"/>
      <c r="M145" s="21"/>
      <c r="N145" s="21"/>
      <c r="O145" s="21"/>
      <c r="P145" s="21"/>
      <c r="Q145" s="21"/>
      <c r="R145" s="21"/>
      <c r="S145" s="21"/>
    </row>
    <row r="146" spans="1:19" ht="7.5" customHeight="1">
      <c r="A146" s="21"/>
      <c r="B146" s="314"/>
      <c r="C146" s="138"/>
      <c r="D146" s="138"/>
      <c r="E146" s="138"/>
      <c r="F146" s="138"/>
      <c r="G146" s="138"/>
      <c r="H146" s="138"/>
      <c r="I146" s="138"/>
      <c r="J146" s="138"/>
      <c r="K146" s="138"/>
      <c r="L146" s="138"/>
      <c r="M146" s="138"/>
      <c r="N146" s="138"/>
      <c r="O146" s="138"/>
      <c r="P146" s="138"/>
      <c r="Q146" s="138"/>
      <c r="R146" s="356"/>
      <c r="S146" s="21"/>
    </row>
    <row r="147" spans="1:19" ht="27" customHeight="1">
      <c r="A147" s="21"/>
      <c r="B147" s="1117" t="s">
        <v>517</v>
      </c>
      <c r="C147" s="1118"/>
      <c r="D147" s="1118"/>
      <c r="E147" s="1118"/>
      <c r="F147" s="1118"/>
      <c r="G147" s="1118"/>
      <c r="H147" s="1118"/>
      <c r="I147" s="1118"/>
      <c r="J147" s="1118"/>
      <c r="K147" s="1118"/>
      <c r="L147" s="1118"/>
      <c r="M147" s="1118"/>
      <c r="N147" s="1118"/>
      <c r="O147" s="1118"/>
      <c r="P147" s="1118"/>
      <c r="Q147" s="1118"/>
      <c r="R147" s="1119"/>
      <c r="S147" s="21"/>
    </row>
    <row r="148" spans="1:19" ht="27" customHeight="1">
      <c r="A148" s="21"/>
      <c r="B148" s="1117"/>
      <c r="C148" s="1118"/>
      <c r="D148" s="1118"/>
      <c r="E148" s="1118"/>
      <c r="F148" s="1118"/>
      <c r="G148" s="1118"/>
      <c r="H148" s="1118"/>
      <c r="I148" s="1118"/>
      <c r="J148" s="1118"/>
      <c r="K148" s="1118"/>
      <c r="L148" s="1118"/>
      <c r="M148" s="1118"/>
      <c r="N148" s="1118"/>
      <c r="O148" s="1118"/>
      <c r="P148" s="1118"/>
      <c r="Q148" s="1118"/>
      <c r="R148" s="1119"/>
      <c r="S148" s="21"/>
    </row>
    <row r="149" spans="1:19" ht="27" customHeight="1">
      <c r="A149" s="21"/>
      <c r="B149" s="357" t="s">
        <v>518</v>
      </c>
      <c r="C149" s="69"/>
      <c r="D149" s="69"/>
      <c r="E149" s="69"/>
      <c r="F149" s="69"/>
      <c r="G149" s="69"/>
      <c r="H149" s="69"/>
      <c r="I149" s="69"/>
      <c r="J149" s="69"/>
      <c r="K149" s="69"/>
      <c r="L149" s="69"/>
      <c r="M149" s="69"/>
      <c r="N149" s="69"/>
      <c r="O149" s="69"/>
      <c r="P149" s="69"/>
      <c r="Q149" s="69"/>
      <c r="R149" s="122"/>
      <c r="S149" s="21"/>
    </row>
    <row r="150" spans="1:19" ht="27" customHeight="1">
      <c r="A150" s="21"/>
      <c r="B150" s="1129" t="s">
        <v>785</v>
      </c>
      <c r="C150" s="1106"/>
      <c r="D150" s="1106"/>
      <c r="E150" s="1106"/>
      <c r="F150" s="1106"/>
      <c r="G150" s="1106"/>
      <c r="H150" s="1106"/>
      <c r="I150" s="1106"/>
      <c r="J150" s="1106"/>
      <c r="K150" s="1106"/>
      <c r="L150" s="1106"/>
      <c r="M150" s="1106"/>
      <c r="N150" s="1106"/>
      <c r="O150" s="1106"/>
      <c r="P150" s="1106"/>
      <c r="Q150" s="1106"/>
      <c r="R150" s="1107"/>
      <c r="S150" s="21"/>
    </row>
    <row r="151" spans="1:19" ht="27" customHeight="1">
      <c r="A151" s="21"/>
      <c r="B151" s="1129"/>
      <c r="C151" s="1106"/>
      <c r="D151" s="1106"/>
      <c r="E151" s="1106"/>
      <c r="F151" s="1106"/>
      <c r="G151" s="1106"/>
      <c r="H151" s="1106"/>
      <c r="I151" s="1106"/>
      <c r="J151" s="1106"/>
      <c r="K151" s="1106"/>
      <c r="L151" s="1106"/>
      <c r="M151" s="1106"/>
      <c r="N151" s="1106"/>
      <c r="O151" s="1106"/>
      <c r="P151" s="1106"/>
      <c r="Q151" s="1106"/>
      <c r="R151" s="1107"/>
      <c r="S151" s="21"/>
    </row>
    <row r="152" spans="1:19" ht="7.5" customHeight="1">
      <c r="A152" s="21"/>
      <c r="B152" s="358"/>
      <c r="C152" s="120"/>
      <c r="D152" s="120"/>
      <c r="E152" s="120"/>
      <c r="F152" s="120"/>
      <c r="G152" s="120"/>
      <c r="H152" s="120"/>
      <c r="I152" s="120"/>
      <c r="J152" s="120"/>
      <c r="K152" s="120"/>
      <c r="L152" s="120"/>
      <c r="M152" s="120"/>
      <c r="N152" s="120"/>
      <c r="O152" s="120"/>
      <c r="P152" s="120"/>
      <c r="Q152" s="120"/>
      <c r="R152" s="123"/>
      <c r="S152" s="21"/>
    </row>
    <row r="153" spans="1:19" ht="27" customHeight="1">
      <c r="A153" s="21"/>
      <c r="B153" s="359"/>
      <c r="C153" s="21"/>
      <c r="D153" s="21"/>
      <c r="E153" s="21"/>
      <c r="F153" s="21"/>
      <c r="G153" s="21"/>
      <c r="H153" s="21"/>
      <c r="I153" s="21"/>
      <c r="J153" s="21"/>
      <c r="K153" s="21"/>
      <c r="L153" s="21"/>
      <c r="M153" s="21"/>
      <c r="N153" s="21"/>
      <c r="O153" s="21"/>
      <c r="P153" s="21"/>
      <c r="Q153" s="21"/>
      <c r="R153" s="21"/>
      <c r="S153" s="21"/>
    </row>
    <row r="154" spans="1:19" ht="27" customHeight="1">
      <c r="A154" s="21"/>
      <c r="B154" s="312" t="s">
        <v>537</v>
      </c>
      <c r="C154" s="21"/>
      <c r="D154" s="21"/>
      <c r="E154" s="21"/>
      <c r="F154" s="21"/>
      <c r="G154" s="21"/>
      <c r="H154" s="21"/>
      <c r="I154" s="21"/>
      <c r="J154" s="21"/>
      <c r="K154" s="21"/>
      <c r="L154" s="21"/>
      <c r="M154" s="21"/>
      <c r="N154" s="21"/>
      <c r="O154" s="21"/>
      <c r="P154" s="21"/>
      <c r="Q154" s="21"/>
      <c r="R154" s="21"/>
      <c r="S154" s="21"/>
    </row>
    <row r="155" spans="1:19" ht="7.5" customHeight="1">
      <c r="A155" s="21"/>
      <c r="B155" s="314"/>
      <c r="C155" s="138"/>
      <c r="D155" s="138"/>
      <c r="E155" s="138"/>
      <c r="F155" s="138"/>
      <c r="G155" s="138"/>
      <c r="H155" s="138"/>
      <c r="I155" s="138"/>
      <c r="J155" s="138"/>
      <c r="K155" s="138"/>
      <c r="L155" s="138"/>
      <c r="M155" s="138"/>
      <c r="N155" s="138"/>
      <c r="O155" s="138"/>
      <c r="P155" s="138"/>
      <c r="Q155" s="138"/>
      <c r="R155" s="356"/>
      <c r="S155" s="21"/>
    </row>
    <row r="156" spans="1:19" ht="27" customHeight="1">
      <c r="A156" s="21"/>
      <c r="B156" s="1129" t="s">
        <v>538</v>
      </c>
      <c r="C156" s="1106"/>
      <c r="D156" s="1106"/>
      <c r="E156" s="1106"/>
      <c r="F156" s="1106"/>
      <c r="G156" s="1106"/>
      <c r="H156" s="1106"/>
      <c r="I156" s="1106"/>
      <c r="J156" s="1106"/>
      <c r="K156" s="1106"/>
      <c r="L156" s="1106"/>
      <c r="M156" s="1106"/>
      <c r="N156" s="1106"/>
      <c r="O156" s="1106"/>
      <c r="P156" s="1106"/>
      <c r="Q156" s="1106"/>
      <c r="R156" s="1107"/>
      <c r="S156" s="21"/>
    </row>
    <row r="157" spans="1:19" ht="7.5" customHeight="1">
      <c r="A157" s="21"/>
      <c r="B157" s="358"/>
      <c r="C157" s="120"/>
      <c r="D157" s="120"/>
      <c r="E157" s="120"/>
      <c r="F157" s="120"/>
      <c r="G157" s="120"/>
      <c r="H157" s="120"/>
      <c r="I157" s="120"/>
      <c r="J157" s="120"/>
      <c r="K157" s="120"/>
      <c r="L157" s="120"/>
      <c r="M157" s="120"/>
      <c r="N157" s="120"/>
      <c r="O157" s="120"/>
      <c r="P157" s="120"/>
      <c r="Q157" s="120"/>
      <c r="R157" s="123"/>
      <c r="S157" s="21"/>
    </row>
    <row r="158" spans="1:19" ht="25.95" customHeight="1">
      <c r="A158" s="21"/>
      <c r="B158" s="322"/>
      <c r="C158" s="69"/>
      <c r="D158" s="69"/>
      <c r="E158" s="69"/>
      <c r="F158" s="69"/>
      <c r="G158" s="69"/>
      <c r="H158" s="69"/>
      <c r="I158" s="69"/>
      <c r="J158" s="69"/>
      <c r="K158" s="69"/>
      <c r="L158" s="69"/>
      <c r="M158" s="69"/>
      <c r="N158" s="69"/>
      <c r="O158" s="69"/>
      <c r="P158" s="69"/>
      <c r="Q158" s="69"/>
      <c r="R158" s="69"/>
      <c r="S158" s="21"/>
    </row>
    <row r="159" spans="1:19" ht="27" customHeight="1">
      <c r="A159" s="21"/>
      <c r="B159" s="360" t="s">
        <v>519</v>
      </c>
      <c r="C159" s="21"/>
      <c r="D159" s="21"/>
      <c r="E159" s="21"/>
      <c r="F159" s="21"/>
      <c r="G159" s="21"/>
      <c r="H159" s="21"/>
      <c r="I159" s="21"/>
      <c r="J159" s="21"/>
      <c r="K159" s="21"/>
      <c r="L159" s="21"/>
      <c r="M159" s="21"/>
      <c r="N159" s="21"/>
      <c r="O159" s="21"/>
      <c r="P159" s="21"/>
      <c r="Q159" s="21"/>
      <c r="R159" s="21"/>
      <c r="S159" s="21"/>
    </row>
    <row r="160" spans="1:19" ht="27" customHeight="1">
      <c r="A160" s="21"/>
      <c r="B160" s="1123" t="s">
        <v>786</v>
      </c>
      <c r="C160" s="1123"/>
      <c r="D160" s="1123"/>
      <c r="E160" s="1123"/>
      <c r="F160" s="1123"/>
      <c r="G160" s="1123"/>
      <c r="H160" s="1123"/>
      <c r="I160" s="1123"/>
      <c r="J160" s="1123"/>
      <c r="K160" s="1123"/>
      <c r="L160" s="1123"/>
      <c r="M160" s="1123"/>
      <c r="N160" s="1123"/>
      <c r="O160" s="1123"/>
      <c r="P160" s="1123"/>
      <c r="Q160" s="1123"/>
      <c r="R160" s="1123"/>
      <c r="S160" s="21"/>
    </row>
    <row r="161" spans="1:19" ht="27" customHeight="1">
      <c r="A161" s="21"/>
      <c r="B161" s="1123"/>
      <c r="C161" s="1123"/>
      <c r="D161" s="1123"/>
      <c r="E161" s="1123"/>
      <c r="F161" s="1123"/>
      <c r="G161" s="1123"/>
      <c r="H161" s="1123"/>
      <c r="I161" s="1123"/>
      <c r="J161" s="1123"/>
      <c r="K161" s="1123"/>
      <c r="L161" s="1123"/>
      <c r="M161" s="1123"/>
      <c r="N161" s="1123"/>
      <c r="O161" s="1123"/>
      <c r="P161" s="1123"/>
      <c r="Q161" s="1123"/>
      <c r="R161" s="1123"/>
      <c r="S161" s="21"/>
    </row>
    <row r="162" spans="1:19" ht="27" customHeight="1">
      <c r="A162" s="21"/>
      <c r="B162" s="1123"/>
      <c r="C162" s="1123"/>
      <c r="D162" s="1123"/>
      <c r="E162" s="1123"/>
      <c r="F162" s="1123"/>
      <c r="G162" s="1123"/>
      <c r="H162" s="1123"/>
      <c r="I162" s="1123"/>
      <c r="J162" s="1123"/>
      <c r="K162" s="1123"/>
      <c r="L162" s="1123"/>
      <c r="M162" s="1123"/>
      <c r="N162" s="1123"/>
      <c r="O162" s="1123"/>
      <c r="P162" s="1123"/>
      <c r="Q162" s="1123"/>
      <c r="R162" s="1123"/>
      <c r="S162" s="21"/>
    </row>
    <row r="163" spans="1:19" ht="27" customHeight="1">
      <c r="A163" s="21"/>
      <c r="B163" s="313" t="s">
        <v>520</v>
      </c>
      <c r="C163" s="361"/>
      <c r="D163" s="361"/>
      <c r="E163" s="361"/>
      <c r="F163" s="361"/>
      <c r="G163" s="361"/>
      <c r="H163" s="361"/>
      <c r="I163" s="361"/>
      <c r="J163" s="361"/>
      <c r="K163" s="361"/>
      <c r="L163" s="361"/>
      <c r="M163" s="361"/>
      <c r="N163" s="361"/>
      <c r="O163" s="361"/>
      <c r="P163" s="361"/>
      <c r="Q163" s="21"/>
      <c r="R163" s="21"/>
      <c r="S163" s="21"/>
    </row>
    <row r="164" spans="1:19" ht="7.5" customHeight="1">
      <c r="A164" s="21"/>
      <c r="B164" s="314"/>
      <c r="C164" s="362"/>
      <c r="D164" s="362"/>
      <c r="E164" s="362"/>
      <c r="F164" s="362"/>
      <c r="G164" s="362"/>
      <c r="H164" s="362"/>
      <c r="I164" s="362"/>
      <c r="J164" s="362"/>
      <c r="K164" s="362"/>
      <c r="L164" s="362"/>
      <c r="M164" s="362"/>
      <c r="N164" s="362"/>
      <c r="O164" s="362"/>
      <c r="P164" s="362"/>
      <c r="Q164" s="138"/>
      <c r="R164" s="356"/>
      <c r="S164" s="21"/>
    </row>
    <row r="165" spans="1:19" ht="27" customHeight="1">
      <c r="A165" s="21"/>
      <c r="B165" s="321" t="s">
        <v>521</v>
      </c>
      <c r="C165" s="318"/>
      <c r="D165" s="318"/>
      <c r="E165" s="318"/>
      <c r="F165" s="318"/>
      <c r="G165" s="318"/>
      <c r="H165" s="318"/>
      <c r="I165" s="318"/>
      <c r="J165" s="318"/>
      <c r="K165" s="318"/>
      <c r="L165" s="318"/>
      <c r="M165" s="318"/>
      <c r="N165" s="318"/>
      <c r="O165" s="318"/>
      <c r="P165" s="318"/>
      <c r="Q165" s="69"/>
      <c r="R165" s="122"/>
      <c r="S165" s="21"/>
    </row>
    <row r="166" spans="1:19" ht="27" customHeight="1">
      <c r="A166" s="21"/>
      <c r="B166" s="352"/>
      <c r="C166" s="1124" t="s">
        <v>522</v>
      </c>
      <c r="D166" s="1125"/>
      <c r="E166" s="1124" t="s">
        <v>523</v>
      </c>
      <c r="F166" s="1142"/>
      <c r="G166" s="1142"/>
      <c r="H166" s="1142"/>
      <c r="I166" s="1142"/>
      <c r="J166" s="1142"/>
      <c r="K166" s="1142"/>
      <c r="L166" s="1142"/>
      <c r="M166" s="1125"/>
      <c r="N166" s="1124" t="s">
        <v>524</v>
      </c>
      <c r="O166" s="1142"/>
      <c r="P166" s="1125"/>
      <c r="Q166" s="69"/>
      <c r="R166" s="122"/>
      <c r="S166" s="21"/>
    </row>
    <row r="167" spans="1:19" ht="27" customHeight="1">
      <c r="A167" s="21"/>
      <c r="B167" s="352"/>
      <c r="C167" s="1108" t="s">
        <v>539</v>
      </c>
      <c r="D167" s="1109"/>
      <c r="E167" s="1114" t="s">
        <v>525</v>
      </c>
      <c r="F167" s="1115"/>
      <c r="G167" s="1115"/>
      <c r="H167" s="1115"/>
      <c r="I167" s="1115"/>
      <c r="J167" s="1115"/>
      <c r="K167" s="1115"/>
      <c r="L167" s="1115"/>
      <c r="M167" s="1116"/>
      <c r="N167" s="1114" t="s">
        <v>787</v>
      </c>
      <c r="O167" s="1115"/>
      <c r="P167" s="1116"/>
      <c r="Q167" s="69"/>
      <c r="R167" s="122"/>
      <c r="S167" s="21"/>
    </row>
    <row r="168" spans="1:19" ht="27" customHeight="1">
      <c r="A168" s="21"/>
      <c r="B168" s="352"/>
      <c r="C168" s="1110"/>
      <c r="D168" s="1111"/>
      <c r="E168" s="1117"/>
      <c r="F168" s="1118"/>
      <c r="G168" s="1118"/>
      <c r="H168" s="1118"/>
      <c r="I168" s="1118"/>
      <c r="J168" s="1118"/>
      <c r="K168" s="1118"/>
      <c r="L168" s="1118"/>
      <c r="M168" s="1119"/>
      <c r="N168" s="1117"/>
      <c r="O168" s="1118"/>
      <c r="P168" s="1119"/>
      <c r="Q168" s="69"/>
      <c r="R168" s="122"/>
      <c r="S168" s="21"/>
    </row>
    <row r="169" spans="1:19" ht="27" customHeight="1">
      <c r="A169" s="21"/>
      <c r="B169" s="352"/>
      <c r="C169" s="1112"/>
      <c r="D169" s="1113"/>
      <c r="E169" s="1120"/>
      <c r="F169" s="1121"/>
      <c r="G169" s="1121"/>
      <c r="H169" s="1121"/>
      <c r="I169" s="1121"/>
      <c r="J169" s="1121"/>
      <c r="K169" s="1121"/>
      <c r="L169" s="1121"/>
      <c r="M169" s="1122"/>
      <c r="N169" s="1120"/>
      <c r="O169" s="1121"/>
      <c r="P169" s="1122"/>
      <c r="Q169" s="69"/>
      <c r="R169" s="122"/>
      <c r="S169" s="21"/>
    </row>
    <row r="170" spans="1:19" ht="27" customHeight="1">
      <c r="A170" s="21"/>
      <c r="B170" s="352"/>
      <c r="C170" s="1108" t="s">
        <v>540</v>
      </c>
      <c r="D170" s="1109"/>
      <c r="E170" s="1114" t="s">
        <v>541</v>
      </c>
      <c r="F170" s="1115"/>
      <c r="G170" s="1115"/>
      <c r="H170" s="1115"/>
      <c r="I170" s="1115"/>
      <c r="J170" s="1115"/>
      <c r="K170" s="1115"/>
      <c r="L170" s="1115"/>
      <c r="M170" s="1116"/>
      <c r="N170" s="1114" t="s">
        <v>788</v>
      </c>
      <c r="O170" s="1115"/>
      <c r="P170" s="1116"/>
      <c r="Q170" s="69"/>
      <c r="R170" s="122"/>
      <c r="S170" s="21"/>
    </row>
    <row r="171" spans="1:19" ht="27" customHeight="1">
      <c r="A171" s="21"/>
      <c r="B171" s="352"/>
      <c r="C171" s="1110"/>
      <c r="D171" s="1111"/>
      <c r="E171" s="1117"/>
      <c r="F171" s="1118"/>
      <c r="G171" s="1118"/>
      <c r="H171" s="1118"/>
      <c r="I171" s="1118"/>
      <c r="J171" s="1118"/>
      <c r="K171" s="1118"/>
      <c r="L171" s="1118"/>
      <c r="M171" s="1119"/>
      <c r="N171" s="1117"/>
      <c r="O171" s="1118"/>
      <c r="P171" s="1119"/>
      <c r="Q171" s="69"/>
      <c r="R171" s="122"/>
      <c r="S171" s="21"/>
    </row>
    <row r="172" spans="1:19" ht="27" customHeight="1">
      <c r="A172" s="21"/>
      <c r="B172" s="352"/>
      <c r="C172" s="1112"/>
      <c r="D172" s="1113"/>
      <c r="E172" s="1120"/>
      <c r="F172" s="1121"/>
      <c r="G172" s="1121"/>
      <c r="H172" s="1121"/>
      <c r="I172" s="1121"/>
      <c r="J172" s="1121"/>
      <c r="K172" s="1121"/>
      <c r="L172" s="1121"/>
      <c r="M172" s="1122"/>
      <c r="N172" s="1120"/>
      <c r="O172" s="1121"/>
      <c r="P172" s="1122"/>
      <c r="Q172" s="69"/>
      <c r="R172" s="122"/>
      <c r="S172" s="21"/>
    </row>
    <row r="173" spans="1:19" ht="27" customHeight="1">
      <c r="A173" s="21"/>
      <c r="B173" s="352"/>
      <c r="C173" s="313" t="s">
        <v>581</v>
      </c>
      <c r="D173" s="69"/>
      <c r="E173" s="69"/>
      <c r="F173" s="69"/>
      <c r="G173" s="69"/>
      <c r="H173" s="69"/>
      <c r="I173" s="69"/>
      <c r="J173" s="69"/>
      <c r="K173" s="69"/>
      <c r="L173" s="69"/>
      <c r="M173" s="69"/>
      <c r="N173" s="69"/>
      <c r="O173" s="69"/>
      <c r="P173" s="69"/>
      <c r="Q173" s="69"/>
      <c r="R173" s="122"/>
      <c r="S173" s="69"/>
    </row>
    <row r="174" spans="1:19" ht="27" customHeight="1">
      <c r="A174" s="21"/>
      <c r="B174" s="352"/>
      <c r="C174" s="1106" t="s">
        <v>582</v>
      </c>
      <c r="D174" s="1106"/>
      <c r="E174" s="1106"/>
      <c r="F174" s="1106"/>
      <c r="G174" s="1106"/>
      <c r="H174" s="1106"/>
      <c r="I174" s="1106"/>
      <c r="J174" s="1106"/>
      <c r="K174" s="1106"/>
      <c r="L174" s="1106"/>
      <c r="M174" s="1106"/>
      <c r="N174" s="1106"/>
      <c r="O174" s="1106"/>
      <c r="P174" s="1106"/>
      <c r="Q174" s="1106"/>
      <c r="R174" s="1107"/>
      <c r="S174" s="69"/>
    </row>
    <row r="175" spans="1:19" ht="27" customHeight="1">
      <c r="A175" s="21"/>
      <c r="B175" s="352"/>
      <c r="C175" s="1106"/>
      <c r="D175" s="1106"/>
      <c r="E175" s="1106"/>
      <c r="F175" s="1106"/>
      <c r="G175" s="1106"/>
      <c r="H175" s="1106"/>
      <c r="I175" s="1106"/>
      <c r="J175" s="1106"/>
      <c r="K175" s="1106"/>
      <c r="L175" s="1106"/>
      <c r="M175" s="1106"/>
      <c r="N175" s="1106"/>
      <c r="O175" s="1106"/>
      <c r="P175" s="1106"/>
      <c r="Q175" s="1106"/>
      <c r="R175" s="1107"/>
      <c r="S175" s="69"/>
    </row>
    <row r="176" spans="1:19" ht="7.5" customHeight="1">
      <c r="A176" s="21"/>
      <c r="B176" s="353"/>
      <c r="C176" s="324"/>
      <c r="D176" s="120"/>
      <c r="E176" s="120"/>
      <c r="F176" s="120"/>
      <c r="G176" s="120"/>
      <c r="H176" s="120"/>
      <c r="I176" s="120"/>
      <c r="J176" s="120"/>
      <c r="K176" s="120"/>
      <c r="L176" s="120"/>
      <c r="M176" s="120"/>
      <c r="N176" s="120"/>
      <c r="O176" s="120"/>
      <c r="P176" s="120"/>
      <c r="Q176" s="120"/>
      <c r="R176" s="123"/>
      <c r="S176" s="69"/>
    </row>
    <row r="177" spans="1:19" ht="27" customHeight="1">
      <c r="A177" s="21"/>
      <c r="B177" s="21"/>
      <c r="C177" s="313"/>
      <c r="D177" s="69"/>
      <c r="E177" s="69"/>
      <c r="F177" s="69"/>
      <c r="G177" s="69"/>
      <c r="H177" s="69"/>
      <c r="I177" s="69"/>
      <c r="J177" s="69"/>
      <c r="K177" s="69"/>
      <c r="L177" s="69"/>
      <c r="M177" s="69"/>
      <c r="N177" s="69"/>
      <c r="O177" s="69"/>
      <c r="P177" s="69"/>
      <c r="Q177" s="69"/>
      <c r="R177" s="69"/>
      <c r="S177" s="69"/>
    </row>
    <row r="178" spans="1:19" ht="27" customHeight="1">
      <c r="A178" s="21"/>
      <c r="B178" s="313" t="s">
        <v>526</v>
      </c>
      <c r="C178" s="69"/>
      <c r="D178" s="69"/>
      <c r="E178" s="69"/>
      <c r="F178" s="69"/>
      <c r="G178" s="69"/>
      <c r="H178" s="69"/>
      <c r="I178" s="69"/>
      <c r="J178" s="69"/>
      <c r="K178" s="69"/>
      <c r="L178" s="69"/>
      <c r="M178" s="69"/>
      <c r="N178" s="69"/>
      <c r="O178" s="69"/>
      <c r="P178" s="69"/>
      <c r="Q178" s="69"/>
      <c r="R178" s="69"/>
      <c r="S178" s="69"/>
    </row>
    <row r="179" spans="1:19" ht="7.5" customHeight="1">
      <c r="A179" s="21"/>
      <c r="B179" s="314"/>
      <c r="C179" s="138"/>
      <c r="D179" s="138"/>
      <c r="E179" s="138"/>
      <c r="F179" s="138"/>
      <c r="G179" s="138"/>
      <c r="H179" s="138"/>
      <c r="I179" s="138"/>
      <c r="J179" s="138"/>
      <c r="K179" s="138"/>
      <c r="L179" s="138"/>
      <c r="M179" s="138"/>
      <c r="N179" s="138"/>
      <c r="O179" s="138"/>
      <c r="P179" s="138"/>
      <c r="Q179" s="138"/>
      <c r="R179" s="356"/>
      <c r="S179" s="69"/>
    </row>
    <row r="180" spans="1:19" ht="27" customHeight="1">
      <c r="A180" s="21"/>
      <c r="B180" s="321" t="s">
        <v>527</v>
      </c>
      <c r="C180" s="313"/>
      <c r="D180" s="69"/>
      <c r="E180" s="69"/>
      <c r="F180" s="69"/>
      <c r="G180" s="69"/>
      <c r="H180" s="69"/>
      <c r="I180" s="69"/>
      <c r="J180" s="69"/>
      <c r="K180" s="69"/>
      <c r="L180" s="69"/>
      <c r="M180" s="69"/>
      <c r="N180" s="69"/>
      <c r="O180" s="69"/>
      <c r="P180" s="69"/>
      <c r="Q180" s="69"/>
      <c r="R180" s="122"/>
      <c r="S180" s="69"/>
    </row>
    <row r="181" spans="1:19" ht="27" customHeight="1">
      <c r="A181" s="21"/>
      <c r="B181" s="321" t="s">
        <v>528</v>
      </c>
      <c r="C181" s="313"/>
      <c r="D181" s="69"/>
      <c r="E181" s="69"/>
      <c r="F181" s="69"/>
      <c r="G181" s="69"/>
      <c r="H181" s="69"/>
      <c r="I181" s="69"/>
      <c r="J181" s="69"/>
      <c r="K181" s="69"/>
      <c r="L181" s="69"/>
      <c r="M181" s="69"/>
      <c r="N181" s="69"/>
      <c r="O181" s="69"/>
      <c r="P181" s="69"/>
      <c r="Q181" s="69"/>
      <c r="R181" s="122"/>
      <c r="S181" s="69"/>
    </row>
    <row r="182" spans="1:19" ht="27" customHeight="1">
      <c r="A182" s="21"/>
      <c r="B182" s="321" t="s">
        <v>534</v>
      </c>
      <c r="C182" s="313"/>
      <c r="D182" s="69"/>
      <c r="E182" s="69"/>
      <c r="F182" s="69"/>
      <c r="G182" s="69"/>
      <c r="H182" s="69"/>
      <c r="I182" s="69"/>
      <c r="J182" s="69"/>
      <c r="K182" s="69"/>
      <c r="L182" s="69"/>
      <c r="M182" s="69"/>
      <c r="N182" s="69"/>
      <c r="O182" s="69"/>
      <c r="P182" s="69"/>
      <c r="Q182" s="69"/>
      <c r="R182" s="122"/>
      <c r="S182" s="69"/>
    </row>
    <row r="183" spans="1:19" ht="27" customHeight="1">
      <c r="A183" s="21"/>
      <c r="B183" s="321" t="s">
        <v>533</v>
      </c>
      <c r="C183" s="313"/>
      <c r="D183" s="69"/>
      <c r="E183" s="69"/>
      <c r="F183" s="69"/>
      <c r="G183" s="69"/>
      <c r="H183" s="69"/>
      <c r="I183" s="69"/>
      <c r="J183" s="69"/>
      <c r="K183" s="69"/>
      <c r="L183" s="69"/>
      <c r="M183" s="69"/>
      <c r="N183" s="69"/>
      <c r="O183" s="69"/>
      <c r="P183" s="69"/>
      <c r="Q183" s="69"/>
      <c r="R183" s="122"/>
      <c r="S183" s="69"/>
    </row>
    <row r="184" spans="1:19" ht="7.5" customHeight="1">
      <c r="A184" s="21"/>
      <c r="B184" s="323"/>
      <c r="C184" s="324"/>
      <c r="D184" s="120"/>
      <c r="E184" s="120"/>
      <c r="F184" s="120"/>
      <c r="G184" s="120"/>
      <c r="H184" s="120"/>
      <c r="I184" s="120"/>
      <c r="J184" s="120"/>
      <c r="K184" s="120"/>
      <c r="L184" s="120"/>
      <c r="M184" s="120"/>
      <c r="N184" s="120"/>
      <c r="O184" s="120"/>
      <c r="P184" s="120"/>
      <c r="Q184" s="120"/>
      <c r="R184" s="123"/>
      <c r="S184" s="69"/>
    </row>
    <row r="185" spans="1:19" ht="27" customHeight="1">
      <c r="A185" s="21"/>
      <c r="B185" s="313"/>
      <c r="C185" s="313"/>
      <c r="D185" s="69"/>
      <c r="E185" s="69"/>
      <c r="F185" s="69"/>
      <c r="G185" s="69"/>
      <c r="H185" s="69"/>
      <c r="I185" s="69"/>
      <c r="J185" s="69"/>
      <c r="K185" s="69"/>
      <c r="L185" s="69"/>
      <c r="M185" s="69"/>
      <c r="N185" s="69"/>
      <c r="O185" s="69"/>
      <c r="P185" s="69"/>
      <c r="Q185" s="69"/>
      <c r="R185" s="69"/>
      <c r="S185" s="69"/>
    </row>
    <row r="186" spans="1:19" ht="27" customHeight="1">
      <c r="A186" s="21"/>
      <c r="B186" s="363" t="s">
        <v>529</v>
      </c>
      <c r="C186" s="21"/>
      <c r="D186" s="21"/>
      <c r="E186" s="21"/>
      <c r="F186" s="21"/>
      <c r="G186" s="21"/>
      <c r="H186" s="21"/>
      <c r="I186" s="21"/>
      <c r="J186" s="21"/>
      <c r="K186" s="21"/>
      <c r="L186" s="21"/>
      <c r="M186" s="21"/>
      <c r="N186" s="21"/>
      <c r="O186" s="21"/>
      <c r="P186" s="21"/>
      <c r="Q186" s="21"/>
      <c r="R186" s="21"/>
      <c r="S186" s="21"/>
    </row>
    <row r="187" spans="1:19" ht="27" customHeight="1">
      <c r="A187" s="21"/>
      <c r="B187" s="312" t="s">
        <v>789</v>
      </c>
      <c r="C187" s="21"/>
      <c r="D187" s="21"/>
      <c r="E187" s="21"/>
      <c r="F187" s="21"/>
      <c r="G187" s="21"/>
      <c r="H187" s="21"/>
      <c r="I187" s="21"/>
      <c r="J187" s="21"/>
      <c r="K187" s="21"/>
      <c r="L187" s="21"/>
      <c r="M187" s="21"/>
      <c r="N187" s="21"/>
      <c r="O187" s="21"/>
      <c r="P187" s="21"/>
      <c r="Q187" s="21"/>
      <c r="R187" s="21"/>
      <c r="S187" s="21"/>
    </row>
    <row r="188" spans="1:19" ht="27" customHeight="1">
      <c r="A188" s="21"/>
      <c r="B188" s="21"/>
      <c r="C188" s="21"/>
      <c r="D188" s="21"/>
      <c r="E188" s="21"/>
      <c r="F188" s="21"/>
      <c r="G188" s="21"/>
      <c r="H188" s="21"/>
      <c r="I188" s="21"/>
      <c r="J188" s="505"/>
      <c r="K188" s="21"/>
      <c r="L188" s="21"/>
      <c r="M188" s="21"/>
      <c r="N188" s="21"/>
      <c r="O188" s="21"/>
      <c r="P188" s="21"/>
      <c r="Q188" s="21"/>
      <c r="R188" s="21"/>
      <c r="S188" s="21"/>
    </row>
    <row r="189" spans="1:19" ht="27" customHeight="1">
      <c r="A189" s="21"/>
      <c r="B189" s="21"/>
      <c r="C189" s="21"/>
      <c r="D189" s="21"/>
      <c r="E189" s="21"/>
      <c r="F189" s="21"/>
      <c r="G189" s="21"/>
      <c r="H189" s="21"/>
      <c r="I189" s="21"/>
      <c r="J189" s="21"/>
      <c r="K189" s="21"/>
      <c r="L189" s="21"/>
      <c r="M189" s="21"/>
      <c r="N189" s="21"/>
      <c r="O189" s="21"/>
      <c r="P189" s="21"/>
      <c r="Q189" s="21"/>
      <c r="R189" s="21"/>
      <c r="S189" s="21"/>
    </row>
    <row r="196" spans="10:10" ht="27" customHeight="1">
      <c r="J196" s="537">
        <v>7</v>
      </c>
    </row>
  </sheetData>
  <mergeCells count="79">
    <mergeCell ref="B2:P2"/>
    <mergeCell ref="B4:R6"/>
    <mergeCell ref="B29:P29"/>
    <mergeCell ref="B30:P30"/>
    <mergeCell ref="E45:F45"/>
    <mergeCell ref="B7:R8"/>
    <mergeCell ref="B36:R37"/>
    <mergeCell ref="B38:R39"/>
    <mergeCell ref="C20:D20"/>
    <mergeCell ref="G45:H45"/>
    <mergeCell ref="I45:J45"/>
    <mergeCell ref="H68:J68"/>
    <mergeCell ref="K68:L68"/>
    <mergeCell ref="M68:N68"/>
    <mergeCell ref="E46:F46"/>
    <mergeCell ref="I46:J46"/>
    <mergeCell ref="G46:H46"/>
    <mergeCell ref="G55:I55"/>
    <mergeCell ref="J55:K55"/>
    <mergeCell ref="D56:F56"/>
    <mergeCell ref="M55:O55"/>
    <mergeCell ref="B53:R53"/>
    <mergeCell ref="C115:F115"/>
    <mergeCell ref="C122:O122"/>
    <mergeCell ref="C128:O128"/>
    <mergeCell ref="C125:O125"/>
    <mergeCell ref="B52:P52"/>
    <mergeCell ref="D55:F55"/>
    <mergeCell ref="K69:L69"/>
    <mergeCell ref="G56:I56"/>
    <mergeCell ref="M56:O56"/>
    <mergeCell ref="C68:G68"/>
    <mergeCell ref="J56:K56"/>
    <mergeCell ref="M69:N69"/>
    <mergeCell ref="C69:G69"/>
    <mergeCell ref="C102:F102"/>
    <mergeCell ref="H69:J69"/>
    <mergeCell ref="C70:G70"/>
    <mergeCell ref="H70:J70"/>
    <mergeCell ref="N166:P166"/>
    <mergeCell ref="C100:F100"/>
    <mergeCell ref="C126:O126"/>
    <mergeCell ref="C129:O129"/>
    <mergeCell ref="C112:F112"/>
    <mergeCell ref="C113:F113"/>
    <mergeCell ref="E166:M166"/>
    <mergeCell ref="B135:R136"/>
    <mergeCell ref="C111:F111"/>
    <mergeCell ref="C110:F110"/>
    <mergeCell ref="B156:R156"/>
    <mergeCell ref="C124:O124"/>
    <mergeCell ref="K70:L70"/>
    <mergeCell ref="M70:N70"/>
    <mergeCell ref="C96:F96"/>
    <mergeCell ref="C85:F85"/>
    <mergeCell ref="C101:F101"/>
    <mergeCell ref="C86:F86"/>
    <mergeCell ref="C87:F87"/>
    <mergeCell ref="C89:F89"/>
    <mergeCell ref="C98:F98"/>
    <mergeCell ref="C99:F99"/>
    <mergeCell ref="C97:F97"/>
    <mergeCell ref="C88:F88"/>
    <mergeCell ref="C109:F109"/>
    <mergeCell ref="C174:R175"/>
    <mergeCell ref="C170:D172"/>
    <mergeCell ref="E170:M172"/>
    <mergeCell ref="N170:P172"/>
    <mergeCell ref="B160:R162"/>
    <mergeCell ref="C166:D166"/>
    <mergeCell ref="E167:M169"/>
    <mergeCell ref="C167:D169"/>
    <mergeCell ref="C127:O127"/>
    <mergeCell ref="C123:O123"/>
    <mergeCell ref="C114:F114"/>
    <mergeCell ref="B140:R141"/>
    <mergeCell ref="B147:R148"/>
    <mergeCell ref="B150:R151"/>
    <mergeCell ref="N167:P169"/>
  </mergeCells>
  <phoneticPr fontId="2"/>
  <pageMargins left="0.51181102362204722" right="0.31496062992125984" top="0.55118110236220474" bottom="0.55118110236220474" header="0.31496062992125984" footer="0.31496062992125984"/>
  <pageSetup paperSize="9" scale="53" orientation="portrait" r:id="rId1"/>
  <rowBreaks count="2" manualBreakCount="2">
    <brk id="63" max="17" man="1"/>
    <brk id="131" max="16383" man="1"/>
  </rowBreaks>
  <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6">
    <pageSetUpPr fitToPage="1"/>
  </sheetPr>
  <dimension ref="B1:CF234"/>
  <sheetViews>
    <sheetView view="pageLayout" topLeftCell="A22" zoomScaleNormal="100" zoomScaleSheetLayoutView="85" workbookViewId="0">
      <selection activeCell="AT69" sqref="AT69"/>
    </sheetView>
  </sheetViews>
  <sheetFormatPr defaultRowHeight="14.4"/>
  <cols>
    <col min="1" max="1" width="3.69921875" customWidth="1"/>
    <col min="2" max="82" width="2" customWidth="1"/>
    <col min="83" max="85" width="1.796875" customWidth="1"/>
    <col min="86" max="100" width="2" customWidth="1"/>
  </cols>
  <sheetData>
    <row r="1" spans="2:82" ht="4.5" customHeight="1">
      <c r="B1" s="57"/>
      <c r="C1" s="57"/>
      <c r="Y1" s="1207"/>
      <c r="Z1" s="1205"/>
      <c r="AA1" s="1205" t="s">
        <v>355</v>
      </c>
      <c r="AB1" s="1205"/>
      <c r="AC1" s="1205"/>
      <c r="AD1" s="1205"/>
      <c r="AE1" s="1205"/>
      <c r="AF1" s="1205"/>
      <c r="AG1" s="1205"/>
      <c r="AH1" s="1205"/>
      <c r="AI1" s="1205"/>
      <c r="AJ1" s="1205"/>
      <c r="AK1" s="1205"/>
      <c r="AL1" s="1205"/>
      <c r="AM1" s="1205"/>
      <c r="AN1" s="1205"/>
      <c r="AO1" s="1205"/>
      <c r="AP1" s="1205"/>
      <c r="AQ1" s="1205"/>
      <c r="AR1" s="1205"/>
      <c r="AS1" s="1205"/>
      <c r="AT1" s="1205"/>
      <c r="AU1" s="1205"/>
      <c r="AV1" s="1205"/>
      <c r="AW1" s="1205"/>
      <c r="AX1" s="1205"/>
      <c r="AY1" s="1205"/>
      <c r="AZ1" s="1205"/>
      <c r="BA1" s="1205"/>
      <c r="BB1" s="1209"/>
      <c r="BC1" s="56"/>
      <c r="BD1" s="56"/>
      <c r="BE1" s="56"/>
      <c r="BH1" s="3"/>
      <c r="BI1" s="50"/>
      <c r="BJ1" s="50"/>
      <c r="BK1" s="50"/>
      <c r="BL1" s="50"/>
      <c r="BM1" s="50"/>
      <c r="BN1" s="50"/>
      <c r="BO1" s="50"/>
      <c r="BP1" s="3"/>
      <c r="BQ1" s="3"/>
      <c r="BR1" s="3"/>
      <c r="BS1" s="3"/>
    </row>
    <row r="2" spans="2:82" ht="18" customHeight="1">
      <c r="Y2" s="1208"/>
      <c r="Z2" s="1206"/>
      <c r="AA2" s="1206"/>
      <c r="AB2" s="1206"/>
      <c r="AC2" s="1206"/>
      <c r="AD2" s="1206"/>
      <c r="AE2" s="1206"/>
      <c r="AF2" s="1206"/>
      <c r="AG2" s="1206"/>
      <c r="AH2" s="1206"/>
      <c r="AI2" s="1206"/>
      <c r="AJ2" s="1206"/>
      <c r="AK2" s="1206"/>
      <c r="AL2" s="1206"/>
      <c r="AM2" s="1206"/>
      <c r="AN2" s="1206"/>
      <c r="AO2" s="1206"/>
      <c r="AP2" s="1206"/>
      <c r="AQ2" s="1206"/>
      <c r="AR2" s="1206"/>
      <c r="AS2" s="1206"/>
      <c r="AT2" s="1206"/>
      <c r="AU2" s="1206"/>
      <c r="AV2" s="1206"/>
      <c r="AW2" s="1206"/>
      <c r="AX2" s="1206"/>
      <c r="AY2" s="1206"/>
      <c r="AZ2" s="1206"/>
      <c r="BA2" s="1206"/>
      <c r="BB2" s="1210"/>
      <c r="BI2" s="19"/>
      <c r="BJ2" s="1255" t="s">
        <v>204</v>
      </c>
      <c r="BK2" s="1255"/>
      <c r="BL2" s="1255"/>
      <c r="BM2" s="1255"/>
      <c r="BN2" s="1255"/>
      <c r="BO2" s="1255"/>
      <c r="BP2" s="1255"/>
      <c r="BQ2" s="1255"/>
      <c r="BR2" s="62"/>
      <c r="BS2" s="61"/>
    </row>
    <row r="3" spans="2:82" ht="15" customHeight="1">
      <c r="BI3" s="33" t="s">
        <v>205</v>
      </c>
    </row>
    <row r="4" spans="2:82" ht="15" customHeight="1">
      <c r="BI4" s="33" t="s">
        <v>206</v>
      </c>
    </row>
    <row r="5" spans="2:82" s="57" customFormat="1" ht="18" customHeight="1">
      <c r="B5" s="57" t="s">
        <v>207</v>
      </c>
    </row>
    <row r="6" spans="2:82" s="57" customFormat="1" ht="18" customHeight="1">
      <c r="B6" s="57" t="s">
        <v>440</v>
      </c>
    </row>
    <row r="7" spans="2:82" s="57" customFormat="1" ht="18" customHeight="1">
      <c r="B7" s="57" t="s">
        <v>208</v>
      </c>
    </row>
    <row r="8" spans="2:82" s="57" customFormat="1" ht="18" customHeight="1" thickBot="1">
      <c r="B8" s="57" t="s">
        <v>441</v>
      </c>
    </row>
    <row r="9" spans="2:82" s="57" customFormat="1" ht="18" customHeight="1">
      <c r="B9" s="57" t="s">
        <v>420</v>
      </c>
      <c r="BB9" s="1182" t="s">
        <v>743</v>
      </c>
      <c r="BC9" s="1183"/>
      <c r="BD9" s="1183"/>
      <c r="BE9" s="1183"/>
      <c r="BF9" s="1183"/>
      <c r="BG9" s="1183"/>
      <c r="BH9" s="1183"/>
      <c r="BI9" s="1183"/>
      <c r="BJ9" s="1183"/>
      <c r="BK9" s="1183"/>
      <c r="BL9" s="1183"/>
      <c r="BM9" s="1183"/>
      <c r="BN9" s="1183"/>
      <c r="BO9" s="1183"/>
      <c r="BP9" s="1183"/>
      <c r="BQ9" s="1183"/>
      <c r="BR9" s="1183"/>
      <c r="BS9" s="1183"/>
      <c r="BT9" s="1183"/>
      <c r="BU9" s="1183"/>
      <c r="BV9" s="1183"/>
      <c r="BW9" s="1183"/>
      <c r="BX9" s="1183"/>
      <c r="BY9" s="1184"/>
      <c r="BZ9" s="113"/>
      <c r="CA9" s="113"/>
      <c r="CB9" s="113"/>
      <c r="CC9" s="113"/>
      <c r="CD9" s="113"/>
    </row>
    <row r="10" spans="2:82" s="57" customFormat="1" ht="18" customHeight="1" thickBot="1">
      <c r="B10" s="57" t="s">
        <v>421</v>
      </c>
      <c r="BB10" s="1185"/>
      <c r="BC10" s="1186"/>
      <c r="BD10" s="1186"/>
      <c r="BE10" s="1186"/>
      <c r="BF10" s="1186"/>
      <c r="BG10" s="1186"/>
      <c r="BH10" s="1186"/>
      <c r="BI10" s="1186"/>
      <c r="BJ10" s="1186"/>
      <c r="BK10" s="1186"/>
      <c r="BL10" s="1186"/>
      <c r="BM10" s="1186"/>
      <c r="BN10" s="1186"/>
      <c r="BO10" s="1186"/>
      <c r="BP10" s="1186"/>
      <c r="BQ10" s="1186"/>
      <c r="BR10" s="1186"/>
      <c r="BS10" s="1186"/>
      <c r="BT10" s="1186"/>
      <c r="BU10" s="1186"/>
      <c r="BV10" s="1186"/>
      <c r="BW10" s="1186"/>
      <c r="BX10" s="1186"/>
      <c r="BY10" s="1187"/>
      <c r="BZ10" s="113"/>
      <c r="CA10" s="113"/>
      <c r="CB10" s="113"/>
      <c r="CC10" s="113"/>
      <c r="CD10" s="113"/>
    </row>
    <row r="11" spans="2:82" ht="18" customHeight="1">
      <c r="BV11" s="113"/>
      <c r="BW11" s="113"/>
      <c r="BX11" s="113"/>
      <c r="BY11" s="113"/>
      <c r="BZ11" s="113"/>
      <c r="CA11" s="113"/>
      <c r="CB11" s="113"/>
      <c r="CC11" s="113"/>
      <c r="CD11" s="113"/>
    </row>
    <row r="12" spans="2:82" ht="18" customHeight="1">
      <c r="B12" s="114" t="s">
        <v>247</v>
      </c>
      <c r="BV12" s="113"/>
      <c r="BW12" s="113"/>
      <c r="BX12" s="113"/>
      <c r="BY12" s="113"/>
      <c r="BZ12" s="113"/>
      <c r="CA12" s="113"/>
      <c r="CB12" s="113"/>
      <c r="CC12" s="113"/>
      <c r="CD12" s="113"/>
    </row>
    <row r="13" spans="2:82" ht="18" customHeight="1">
      <c r="B13" s="114" t="s">
        <v>248</v>
      </c>
    </row>
    <row r="14" spans="2:82" ht="9" customHeight="1"/>
    <row r="15" spans="2:82" ht="8.25" customHeight="1">
      <c r="B15" s="1215" t="s">
        <v>200</v>
      </c>
      <c r="C15" s="1216"/>
      <c r="D15" s="1219" t="s">
        <v>201</v>
      </c>
      <c r="E15" s="1172"/>
      <c r="F15" s="1172"/>
      <c r="G15" s="1172"/>
      <c r="H15" s="1220"/>
      <c r="I15" s="1234" t="s">
        <v>226</v>
      </c>
      <c r="J15" s="881"/>
      <c r="K15" s="881"/>
      <c r="L15" s="881"/>
      <c r="M15" s="881"/>
      <c r="N15" s="881"/>
      <c r="O15" s="881"/>
      <c r="P15" s="881"/>
      <c r="Q15" s="881"/>
      <c r="R15" s="881"/>
      <c r="S15" s="881"/>
      <c r="T15" s="881"/>
      <c r="U15" s="881"/>
      <c r="V15" s="881"/>
      <c r="W15" s="881"/>
      <c r="X15" s="881"/>
      <c r="Y15" s="881"/>
      <c r="Z15" s="881"/>
      <c r="AA15" s="881"/>
      <c r="AB15" s="881"/>
      <c r="AC15" s="881"/>
      <c r="AD15" s="881"/>
      <c r="AE15" s="881"/>
      <c r="AF15" s="881"/>
      <c r="AG15" s="881"/>
      <c r="AH15" s="881"/>
      <c r="AI15" s="881"/>
      <c r="AJ15" s="881"/>
      <c r="AK15" s="881"/>
      <c r="AL15" s="881"/>
      <c r="AM15" s="881"/>
      <c r="AN15" s="881"/>
      <c r="AO15" s="881"/>
      <c r="AP15" s="881"/>
      <c r="AQ15" s="881"/>
      <c r="AR15" s="881"/>
      <c r="AS15" s="881"/>
      <c r="AT15" s="881"/>
      <c r="AU15" s="881"/>
      <c r="AV15" s="952"/>
      <c r="AW15" s="1241" t="s">
        <v>223</v>
      </c>
      <c r="AX15" s="1180"/>
      <c r="AY15" s="1180"/>
      <c r="AZ15" s="1180"/>
      <c r="BA15" s="1180"/>
      <c r="BB15" s="1180"/>
      <c r="BC15" s="1180"/>
      <c r="BD15" s="1180"/>
      <c r="BE15" s="1180"/>
      <c r="BF15" s="1180"/>
      <c r="BG15" s="1180"/>
      <c r="BH15" s="1180"/>
      <c r="BI15" s="1180"/>
      <c r="BJ15" s="1180"/>
      <c r="BK15" s="1180"/>
      <c r="BL15" s="1242"/>
      <c r="BO15" s="9"/>
      <c r="BP15" s="10"/>
      <c r="BQ15" s="10"/>
      <c r="BR15" s="10"/>
      <c r="BS15" s="10"/>
      <c r="BT15" s="10"/>
      <c r="BU15" s="10"/>
      <c r="BV15" s="10"/>
      <c r="BW15" s="8"/>
    </row>
    <row r="16" spans="2:82" ht="8.25" customHeight="1">
      <c r="B16" s="1217"/>
      <c r="C16" s="1218"/>
      <c r="D16" s="1221"/>
      <c r="E16" s="886"/>
      <c r="F16" s="886"/>
      <c r="G16" s="886"/>
      <c r="H16" s="1190"/>
      <c r="I16" s="1234"/>
      <c r="J16" s="881"/>
      <c r="K16" s="881"/>
      <c r="L16" s="881"/>
      <c r="M16" s="881"/>
      <c r="N16" s="881"/>
      <c r="O16" s="881"/>
      <c r="P16" s="881"/>
      <c r="Q16" s="881"/>
      <c r="R16" s="881"/>
      <c r="S16" s="881"/>
      <c r="T16" s="881"/>
      <c r="U16" s="881"/>
      <c r="V16" s="881"/>
      <c r="W16" s="881"/>
      <c r="X16" s="881"/>
      <c r="Y16" s="881"/>
      <c r="Z16" s="881"/>
      <c r="AA16" s="881"/>
      <c r="AB16" s="881"/>
      <c r="AC16" s="881"/>
      <c r="AD16" s="881"/>
      <c r="AE16" s="881"/>
      <c r="AF16" s="881"/>
      <c r="AG16" s="881"/>
      <c r="AH16" s="881"/>
      <c r="AI16" s="881"/>
      <c r="AJ16" s="881"/>
      <c r="AK16" s="881"/>
      <c r="AL16" s="881"/>
      <c r="AM16" s="881"/>
      <c r="AN16" s="881"/>
      <c r="AO16" s="881"/>
      <c r="AP16" s="881"/>
      <c r="AQ16" s="881"/>
      <c r="AR16" s="881"/>
      <c r="AS16" s="881"/>
      <c r="AT16" s="881"/>
      <c r="AU16" s="881"/>
      <c r="AV16" s="952"/>
      <c r="AW16" s="1243"/>
      <c r="AX16" s="1244"/>
      <c r="AY16" s="1244"/>
      <c r="AZ16" s="1244"/>
      <c r="BA16" s="1244"/>
      <c r="BB16" s="1244"/>
      <c r="BC16" s="1244"/>
      <c r="BD16" s="1244"/>
      <c r="BE16" s="1244"/>
      <c r="BF16" s="1244"/>
      <c r="BG16" s="1244"/>
      <c r="BH16" s="1244"/>
      <c r="BI16" s="1244"/>
      <c r="BJ16" s="1244"/>
      <c r="BK16" s="1244"/>
      <c r="BL16" s="1245"/>
      <c r="BO16" s="1195" t="s">
        <v>308</v>
      </c>
      <c r="BP16" s="1194"/>
      <c r="BQ16" s="1194"/>
      <c r="BR16" s="3"/>
      <c r="BS16" s="3"/>
      <c r="BT16" s="1193" t="s">
        <v>307</v>
      </c>
      <c r="BU16" s="1194"/>
      <c r="BV16" s="1194"/>
      <c r="BW16" s="38"/>
    </row>
    <row r="17" spans="2:82" ht="8.25" customHeight="1">
      <c r="B17" s="1217"/>
      <c r="C17" s="1218"/>
      <c r="D17" s="1221"/>
      <c r="E17" s="886"/>
      <c r="F17" s="886"/>
      <c r="G17" s="886"/>
      <c r="H17" s="1190"/>
      <c r="I17" s="1234"/>
      <c r="J17" s="881"/>
      <c r="K17" s="881"/>
      <c r="L17" s="881"/>
      <c r="M17" s="881"/>
      <c r="N17" s="881"/>
      <c r="O17" s="881"/>
      <c r="P17" s="881"/>
      <c r="Q17" s="881"/>
      <c r="R17" s="881"/>
      <c r="S17" s="881"/>
      <c r="T17" s="881"/>
      <c r="U17" s="881"/>
      <c r="V17" s="881"/>
      <c r="W17" s="881"/>
      <c r="X17" s="881"/>
      <c r="Y17" s="881"/>
      <c r="Z17" s="881"/>
      <c r="AA17" s="881"/>
      <c r="AB17" s="881"/>
      <c r="AC17" s="881"/>
      <c r="AD17" s="881"/>
      <c r="AE17" s="881"/>
      <c r="AF17" s="881"/>
      <c r="AG17" s="881"/>
      <c r="AH17" s="881"/>
      <c r="AI17" s="881"/>
      <c r="AJ17" s="881"/>
      <c r="AK17" s="881"/>
      <c r="AL17" s="881"/>
      <c r="AM17" s="881"/>
      <c r="AN17" s="881"/>
      <c r="AO17" s="881"/>
      <c r="AP17" s="881"/>
      <c r="AQ17" s="881"/>
      <c r="AR17" s="881"/>
      <c r="AS17" s="881"/>
      <c r="AT17" s="881"/>
      <c r="AU17" s="881"/>
      <c r="AV17" s="952"/>
      <c r="AW17" s="1246" t="s">
        <v>224</v>
      </c>
      <c r="AX17" s="1247"/>
      <c r="AY17" s="1247"/>
      <c r="AZ17" s="1247"/>
      <c r="BA17" s="1247"/>
      <c r="BB17" s="1247"/>
      <c r="BC17" s="1247"/>
      <c r="BD17" s="1247"/>
      <c r="BE17" s="1247"/>
      <c r="BF17" s="1247"/>
      <c r="BG17" s="1247"/>
      <c r="BH17" s="1247"/>
      <c r="BI17" s="1247"/>
      <c r="BJ17" s="1247"/>
      <c r="BK17" s="1247"/>
      <c r="BL17" s="1248"/>
      <c r="BO17" s="1196"/>
      <c r="BP17" s="1194"/>
      <c r="BQ17" s="1194"/>
      <c r="BR17" s="3"/>
      <c r="BS17" s="3"/>
      <c r="BT17" s="1194"/>
      <c r="BU17" s="1194"/>
      <c r="BV17" s="1194"/>
      <c r="BW17" s="38"/>
    </row>
    <row r="18" spans="2:82" ht="8.25" customHeight="1">
      <c r="B18" s="7"/>
      <c r="C18" s="6"/>
      <c r="D18" s="7"/>
      <c r="E18" s="1"/>
      <c r="F18" s="1"/>
      <c r="G18" s="1"/>
      <c r="H18" s="6"/>
      <c r="I18" s="1235" t="s">
        <v>605</v>
      </c>
      <c r="J18" s="863"/>
      <c r="K18" s="863"/>
      <c r="L18" s="863"/>
      <c r="M18" s="863"/>
      <c r="N18" s="863"/>
      <c r="O18" s="863"/>
      <c r="P18" s="863"/>
      <c r="Q18" s="863"/>
      <c r="R18" s="863"/>
      <c r="S18" s="863"/>
      <c r="T18" s="863"/>
      <c r="U18" s="863"/>
      <c r="V18" s="863"/>
      <c r="W18" s="863"/>
      <c r="X18" s="863"/>
      <c r="Y18" s="863"/>
      <c r="Z18" s="863"/>
      <c r="AA18" s="863"/>
      <c r="AB18" s="863"/>
      <c r="AC18" s="863"/>
      <c r="AD18" s="863"/>
      <c r="AE18" s="863"/>
      <c r="AF18" s="863"/>
      <c r="AG18" s="863"/>
      <c r="AH18" s="863"/>
      <c r="AI18" s="863"/>
      <c r="AJ18" s="863"/>
      <c r="AK18" s="863"/>
      <c r="AL18" s="863"/>
      <c r="AM18" s="863"/>
      <c r="AN18" s="863"/>
      <c r="AO18" s="863"/>
      <c r="AP18" s="863"/>
      <c r="AQ18" s="863"/>
      <c r="AR18" s="863"/>
      <c r="AS18" s="863"/>
      <c r="AT18" s="863"/>
      <c r="AU18" s="863"/>
      <c r="AV18" s="1236"/>
      <c r="AW18" s="1249"/>
      <c r="AX18" s="1250"/>
      <c r="AY18" s="1250"/>
      <c r="AZ18" s="1250"/>
      <c r="BA18" s="1250"/>
      <c r="BB18" s="1250"/>
      <c r="BC18" s="1250"/>
      <c r="BD18" s="1250"/>
      <c r="BE18" s="1250"/>
      <c r="BF18" s="1250"/>
      <c r="BG18" s="1250"/>
      <c r="BH18" s="1250"/>
      <c r="BI18" s="1250"/>
      <c r="BJ18" s="1250"/>
      <c r="BK18" s="1250"/>
      <c r="BL18" s="1251"/>
      <c r="BO18" s="1196"/>
      <c r="BP18" s="1194"/>
      <c r="BQ18" s="1194"/>
      <c r="BR18" s="3"/>
      <c r="BS18" s="3"/>
      <c r="BT18" s="1194"/>
      <c r="BU18" s="1194"/>
      <c r="BV18" s="1194"/>
      <c r="BW18" s="38"/>
    </row>
    <row r="19" spans="2:82" ht="8.25" customHeight="1">
      <c r="B19" s="2"/>
      <c r="C19" s="38"/>
      <c r="D19" s="2"/>
      <c r="E19" s="1222"/>
      <c r="F19" s="1222"/>
      <c r="G19" s="1222"/>
      <c r="H19" s="1225"/>
      <c r="I19" s="1235"/>
      <c r="J19" s="863"/>
      <c r="K19" s="863"/>
      <c r="L19" s="863"/>
      <c r="M19" s="863"/>
      <c r="N19" s="863"/>
      <c r="O19" s="863"/>
      <c r="P19" s="863"/>
      <c r="Q19" s="863"/>
      <c r="R19" s="863"/>
      <c r="S19" s="863"/>
      <c r="T19" s="863"/>
      <c r="U19" s="863"/>
      <c r="V19" s="863"/>
      <c r="W19" s="863"/>
      <c r="X19" s="863"/>
      <c r="Y19" s="863"/>
      <c r="Z19" s="863"/>
      <c r="AA19" s="863"/>
      <c r="AB19" s="863"/>
      <c r="AC19" s="863"/>
      <c r="AD19" s="863"/>
      <c r="AE19" s="863"/>
      <c r="AF19" s="863"/>
      <c r="AG19" s="863"/>
      <c r="AH19" s="863"/>
      <c r="AI19" s="863"/>
      <c r="AJ19" s="863"/>
      <c r="AK19" s="863"/>
      <c r="AL19" s="863"/>
      <c r="AM19" s="863"/>
      <c r="AN19" s="863"/>
      <c r="AO19" s="863"/>
      <c r="AP19" s="863"/>
      <c r="AQ19" s="863"/>
      <c r="AR19" s="863"/>
      <c r="AS19" s="863"/>
      <c r="AT19" s="863"/>
      <c r="AU19" s="863"/>
      <c r="AV19" s="1236"/>
      <c r="AW19" s="1249"/>
      <c r="AX19" s="1250"/>
      <c r="AY19" s="1250"/>
      <c r="AZ19" s="1250"/>
      <c r="BA19" s="1250"/>
      <c r="BB19" s="1250"/>
      <c r="BC19" s="1250"/>
      <c r="BD19" s="1250"/>
      <c r="BE19" s="1250"/>
      <c r="BF19" s="1250"/>
      <c r="BG19" s="1250"/>
      <c r="BH19" s="1250"/>
      <c r="BI19" s="1250"/>
      <c r="BJ19" s="1250"/>
      <c r="BK19" s="1250"/>
      <c r="BL19" s="1251"/>
      <c r="BO19" s="1196"/>
      <c r="BP19" s="1194"/>
      <c r="BQ19" s="1194"/>
      <c r="BT19" s="1194"/>
      <c r="BU19" s="1194"/>
      <c r="BV19" s="1194"/>
      <c r="BX19" s="2"/>
    </row>
    <row r="20" spans="2:82" ht="8.25" customHeight="1">
      <c r="B20" s="1228" t="s">
        <v>209</v>
      </c>
      <c r="C20" s="1229"/>
      <c r="D20" s="1204" t="s">
        <v>203</v>
      </c>
      <c r="E20" s="1223"/>
      <c r="F20" s="1223"/>
      <c r="G20" s="1223"/>
      <c r="H20" s="1226"/>
      <c r="AW20" s="1249"/>
      <c r="AX20" s="1250"/>
      <c r="AY20" s="1250"/>
      <c r="AZ20" s="1250"/>
      <c r="BA20" s="1250"/>
      <c r="BB20" s="1250"/>
      <c r="BC20" s="1250"/>
      <c r="BD20" s="1250"/>
      <c r="BE20" s="1250"/>
      <c r="BF20" s="1250"/>
      <c r="BG20" s="1250"/>
      <c r="BH20" s="1250"/>
      <c r="BI20" s="1250"/>
      <c r="BJ20" s="1250"/>
      <c r="BK20" s="1250"/>
      <c r="BL20" s="1251"/>
      <c r="BO20" s="2"/>
      <c r="BP20" s="3"/>
      <c r="BQ20" s="3"/>
      <c r="BR20" s="1188" t="s">
        <v>202</v>
      </c>
      <c r="BS20" s="1188"/>
      <c r="BT20" s="69"/>
      <c r="BU20" s="69"/>
      <c r="BV20" s="886" t="s">
        <v>225</v>
      </c>
      <c r="BW20" s="1190"/>
    </row>
    <row r="21" spans="2:82" ht="8.25" customHeight="1">
      <c r="B21" s="1228"/>
      <c r="C21" s="1229"/>
      <c r="D21" s="1204"/>
      <c r="E21" s="1223"/>
      <c r="F21" s="1223"/>
      <c r="G21" s="1223"/>
      <c r="H21" s="1226"/>
      <c r="AW21" s="1252"/>
      <c r="AX21" s="1253"/>
      <c r="AY21" s="1253"/>
      <c r="AZ21" s="1253"/>
      <c r="BA21" s="1253"/>
      <c r="BB21" s="1253"/>
      <c r="BC21" s="1253"/>
      <c r="BD21" s="1253"/>
      <c r="BE21" s="1253"/>
      <c r="BF21" s="1253"/>
      <c r="BG21" s="1253"/>
      <c r="BH21" s="1253"/>
      <c r="BI21" s="1253"/>
      <c r="BJ21" s="1253"/>
      <c r="BK21" s="1253"/>
      <c r="BL21" s="1254"/>
      <c r="BO21" s="4"/>
      <c r="BP21" s="1"/>
      <c r="BQ21" s="1"/>
      <c r="BR21" s="1189"/>
      <c r="BS21" s="1189"/>
      <c r="BT21" s="1"/>
      <c r="BU21" s="1"/>
      <c r="BV21" s="1191"/>
      <c r="BW21" s="1192"/>
    </row>
    <row r="22" spans="2:82" ht="8.25" customHeight="1">
      <c r="B22" s="4"/>
      <c r="C22" s="5"/>
      <c r="D22" s="4"/>
      <c r="E22" s="1224"/>
      <c r="F22" s="1224"/>
      <c r="G22" s="1224"/>
      <c r="H22" s="1227"/>
    </row>
    <row r="23" spans="2:82" ht="8.25" customHeight="1">
      <c r="BO23" s="1197" t="s">
        <v>253</v>
      </c>
      <c r="BP23" s="1197"/>
      <c r="BQ23" s="1197"/>
      <c r="BR23" s="1197"/>
    </row>
    <row r="24" spans="2:82" ht="8.25" customHeight="1">
      <c r="BO24" s="1197"/>
      <c r="BP24" s="1197"/>
      <c r="BQ24" s="1197"/>
      <c r="BR24" s="1197"/>
    </row>
    <row r="25" spans="2:82" ht="8.25" customHeight="1" thickBot="1"/>
    <row r="26" spans="2:82" ht="9" customHeight="1" thickTop="1">
      <c r="B26" s="9"/>
      <c r="C26" s="10"/>
      <c r="D26" s="10"/>
      <c r="E26" s="9"/>
      <c r="F26" s="497"/>
      <c r="G26" s="548"/>
      <c r="H26" s="549"/>
      <c r="I26" s="549"/>
      <c r="J26" s="549"/>
      <c r="K26" s="549"/>
      <c r="L26" s="549"/>
      <c r="M26" s="549"/>
      <c r="N26" s="549"/>
      <c r="O26" s="549"/>
      <c r="P26" s="549"/>
      <c r="Q26" s="549"/>
      <c r="R26" s="549"/>
      <c r="S26" s="549"/>
      <c r="T26" s="549"/>
      <c r="U26" s="549"/>
      <c r="V26" s="550"/>
      <c r="W26" s="1212" t="s">
        <v>3</v>
      </c>
      <c r="X26" s="1213"/>
      <c r="Y26" s="1213"/>
      <c r="Z26" s="1213"/>
      <c r="AA26" s="1213"/>
      <c r="AB26" s="1213"/>
      <c r="AC26" s="1213"/>
      <c r="AD26" s="1214"/>
      <c r="AE26" s="1172" t="s">
        <v>213</v>
      </c>
      <c r="AF26" s="1172"/>
      <c r="AG26" s="1172"/>
      <c r="AH26" s="1172"/>
      <c r="AI26" s="1172"/>
      <c r="AJ26" s="1237" t="s">
        <v>215</v>
      </c>
      <c r="AK26" s="1238"/>
      <c r="AL26" s="499"/>
      <c r="AM26" s="85"/>
      <c r="AN26" s="1332" t="s">
        <v>216</v>
      </c>
      <c r="AO26" s="1332"/>
      <c r="AP26" s="1332"/>
      <c r="AQ26" s="1332"/>
      <c r="AR26" s="1332"/>
      <c r="AS26" s="1332"/>
      <c r="AT26" s="1332"/>
      <c r="AU26" s="1332"/>
      <c r="AV26" s="1332"/>
      <c r="AW26" s="85"/>
      <c r="AX26" s="499"/>
      <c r="AY26" s="1212" t="s">
        <v>15</v>
      </c>
      <c r="AZ26" s="1213"/>
      <c r="BA26" s="1213"/>
      <c r="BB26" s="1213"/>
      <c r="BC26" s="1213"/>
      <c r="BD26" s="1214"/>
      <c r="BE26" s="1180" t="s">
        <v>221</v>
      </c>
      <c r="BF26" s="1181"/>
      <c r="BG26" s="1181"/>
      <c r="BH26" s="1181"/>
      <c r="BI26" s="1181"/>
      <c r="BJ26" s="1181"/>
      <c r="BK26" s="1181"/>
      <c r="BL26" s="1181"/>
      <c r="BM26" s="1175" t="s">
        <v>20</v>
      </c>
      <c r="BN26" s="10"/>
      <c r="BO26" s="1180" t="s">
        <v>19</v>
      </c>
      <c r="BP26" s="1181"/>
      <c r="BQ26" s="1181"/>
      <c r="BR26" s="1181"/>
      <c r="BS26" s="1181"/>
      <c r="BT26" s="1181"/>
      <c r="BU26" s="1181"/>
      <c r="BV26" s="1181"/>
      <c r="BW26" s="1181"/>
      <c r="BX26" s="1181"/>
      <c r="BY26" s="1181"/>
      <c r="BZ26" s="1181"/>
      <c r="CA26" s="1317" t="s">
        <v>21</v>
      </c>
      <c r="CB26" s="1315" t="s">
        <v>22</v>
      </c>
    </row>
    <row r="27" spans="2:82" ht="9" customHeight="1" thickBot="1">
      <c r="B27" s="1230" t="s">
        <v>0</v>
      </c>
      <c r="C27" s="1170"/>
      <c r="D27" s="1171"/>
      <c r="E27" s="1232" t="s">
        <v>1</v>
      </c>
      <c r="F27" s="1233"/>
      <c r="G27" s="1198" t="s">
        <v>210</v>
      </c>
      <c r="H27" s="1177"/>
      <c r="I27" s="1177"/>
      <c r="J27" s="1177"/>
      <c r="K27" s="1177"/>
      <c r="L27" s="1177"/>
      <c r="M27" s="1177"/>
      <c r="N27" s="1177"/>
      <c r="O27" s="1177"/>
      <c r="P27" s="1177"/>
      <c r="Q27" s="1177"/>
      <c r="R27" s="1177"/>
      <c r="S27" s="1177"/>
      <c r="T27" s="1177"/>
      <c r="U27" s="1177"/>
      <c r="V27" s="1199"/>
      <c r="W27" s="1198"/>
      <c r="X27" s="1177"/>
      <c r="Y27" s="1177"/>
      <c r="Z27" s="1177"/>
      <c r="AA27" s="1177"/>
      <c r="AB27" s="1177"/>
      <c r="AC27" s="1177"/>
      <c r="AD27" s="1199"/>
      <c r="AE27" s="886"/>
      <c r="AF27" s="886"/>
      <c r="AG27" s="886"/>
      <c r="AH27" s="886"/>
      <c r="AI27" s="886"/>
      <c r="AJ27" s="1239"/>
      <c r="AK27" s="1240"/>
      <c r="AL27" s="498"/>
      <c r="AM27" s="58"/>
      <c r="AN27" s="1333"/>
      <c r="AO27" s="1333"/>
      <c r="AP27" s="1333"/>
      <c r="AQ27" s="1333"/>
      <c r="AR27" s="1333"/>
      <c r="AS27" s="1333"/>
      <c r="AT27" s="1333"/>
      <c r="AU27" s="1333"/>
      <c r="AV27" s="1333"/>
      <c r="AW27" s="58"/>
      <c r="AX27" s="498"/>
      <c r="AY27" s="1322"/>
      <c r="AZ27" s="1244"/>
      <c r="BA27" s="1244"/>
      <c r="BB27" s="1244"/>
      <c r="BC27" s="1244"/>
      <c r="BD27" s="1323"/>
      <c r="BE27" s="1179"/>
      <c r="BF27" s="1178"/>
      <c r="BG27" s="1178"/>
      <c r="BH27" s="1178"/>
      <c r="BI27" s="1178"/>
      <c r="BJ27" s="1178"/>
      <c r="BK27" s="1178"/>
      <c r="BL27" s="1179"/>
      <c r="BM27" s="1176"/>
      <c r="BN27" s="3"/>
      <c r="BO27" s="1178"/>
      <c r="BP27" s="1178"/>
      <c r="BQ27" s="1178"/>
      <c r="BR27" s="1178"/>
      <c r="BS27" s="1178"/>
      <c r="BT27" s="1178"/>
      <c r="BU27" s="1178"/>
      <c r="BV27" s="1178"/>
      <c r="BW27" s="1178"/>
      <c r="BX27" s="1178"/>
      <c r="BY27" s="1178"/>
      <c r="BZ27" s="1179"/>
      <c r="CA27" s="1318"/>
      <c r="CB27" s="1316"/>
    </row>
    <row r="28" spans="2:82" ht="9" customHeight="1" thickTop="1">
      <c r="B28" s="1231"/>
      <c r="C28" s="1170"/>
      <c r="D28" s="1171"/>
      <c r="E28" s="1202"/>
      <c r="F28" s="1233"/>
      <c r="G28" s="1198"/>
      <c r="H28" s="1177"/>
      <c r="I28" s="1177"/>
      <c r="J28" s="1177"/>
      <c r="K28" s="1177"/>
      <c r="L28" s="1177"/>
      <c r="M28" s="1177"/>
      <c r="N28" s="1177"/>
      <c r="O28" s="1177"/>
      <c r="P28" s="1177"/>
      <c r="Q28" s="1177"/>
      <c r="R28" s="1177"/>
      <c r="S28" s="1177"/>
      <c r="T28" s="1177"/>
      <c r="U28" s="1177"/>
      <c r="V28" s="1199"/>
      <c r="W28" s="551"/>
      <c r="X28" s="1211" t="s">
        <v>211</v>
      </c>
      <c r="Y28" s="1211"/>
      <c r="Z28" s="1211"/>
      <c r="AA28" s="1211"/>
      <c r="AB28" s="547"/>
      <c r="AC28" s="1200" t="s">
        <v>212</v>
      </c>
      <c r="AD28" s="1201"/>
      <c r="AE28" s="1170" t="s">
        <v>214</v>
      </c>
      <c r="AF28" s="1170"/>
      <c r="AG28" s="1171"/>
      <c r="AH28" s="1200" t="s">
        <v>212</v>
      </c>
      <c r="AI28" s="1256"/>
      <c r="AJ28" s="1239"/>
      <c r="AK28" s="1240"/>
      <c r="AL28" s="498"/>
      <c r="AM28" s="58"/>
      <c r="AN28" s="1333" t="s">
        <v>217</v>
      </c>
      <c r="AO28" s="1333"/>
      <c r="AP28" s="1333"/>
      <c r="AQ28" s="1333"/>
      <c r="AR28" s="1333"/>
      <c r="AS28" s="1333"/>
      <c r="AT28" s="1333"/>
      <c r="AU28" s="1333"/>
      <c r="AV28" s="1333"/>
      <c r="AW28" s="58"/>
      <c r="AX28" s="498"/>
      <c r="AY28" s="1330" t="s">
        <v>218</v>
      </c>
      <c r="AZ28" s="1328"/>
      <c r="BA28" s="1324" t="s">
        <v>219</v>
      </c>
      <c r="BB28" s="1328"/>
      <c r="BC28" s="1324" t="s">
        <v>220</v>
      </c>
      <c r="BD28" s="1325"/>
      <c r="BE28" s="1177" t="s">
        <v>18</v>
      </c>
      <c r="BF28" s="1178"/>
      <c r="BG28" s="1178"/>
      <c r="BH28" s="1178"/>
      <c r="BI28" s="1178"/>
      <c r="BJ28" s="1178"/>
      <c r="BK28" s="1178"/>
      <c r="BL28" s="1179"/>
      <c r="BM28" s="1176"/>
      <c r="BN28" s="1173"/>
      <c r="BO28" s="1177" t="s">
        <v>222</v>
      </c>
      <c r="BP28" s="1178"/>
      <c r="BQ28" s="1178"/>
      <c r="BR28" s="1178"/>
      <c r="BS28" s="1178"/>
      <c r="BT28" s="1178"/>
      <c r="BU28" s="1178"/>
      <c r="BV28" s="1178"/>
      <c r="BW28" s="1178"/>
      <c r="BX28" s="1178"/>
      <c r="BY28" s="1178"/>
      <c r="BZ28" s="1179"/>
      <c r="CA28" s="1318"/>
      <c r="CB28" s="1316"/>
    </row>
    <row r="29" spans="2:82" ht="9" customHeight="1">
      <c r="B29" s="1231"/>
      <c r="C29" s="1170"/>
      <c r="D29" s="1171"/>
      <c r="E29" s="1202"/>
      <c r="F29" s="1233"/>
      <c r="G29" s="551"/>
      <c r="H29" s="547"/>
      <c r="I29" s="547"/>
      <c r="J29" s="547"/>
      <c r="K29" s="547"/>
      <c r="L29" s="547"/>
      <c r="M29" s="547"/>
      <c r="N29" s="547"/>
      <c r="O29" s="547"/>
      <c r="P29" s="547"/>
      <c r="Q29" s="547"/>
      <c r="R29" s="547"/>
      <c r="S29" s="547"/>
      <c r="T29" s="547"/>
      <c r="U29" s="547"/>
      <c r="V29" s="552"/>
      <c r="W29" s="551"/>
      <c r="X29" s="1211"/>
      <c r="Y29" s="1211"/>
      <c r="Z29" s="1211"/>
      <c r="AA29" s="1211"/>
      <c r="AB29" s="547"/>
      <c r="AC29" s="1202"/>
      <c r="AD29" s="1203"/>
      <c r="AE29" s="1170"/>
      <c r="AF29" s="1170"/>
      <c r="AG29" s="1171"/>
      <c r="AH29" s="1202"/>
      <c r="AI29" s="1233"/>
      <c r="AJ29" s="1239"/>
      <c r="AK29" s="1240"/>
      <c r="AL29" s="498"/>
      <c r="AM29" s="58"/>
      <c r="AN29" s="1333"/>
      <c r="AO29" s="1333"/>
      <c r="AP29" s="1333"/>
      <c r="AQ29" s="1333"/>
      <c r="AR29" s="1333"/>
      <c r="AS29" s="1333"/>
      <c r="AT29" s="1333"/>
      <c r="AU29" s="1333"/>
      <c r="AV29" s="1333"/>
      <c r="AW29" s="58"/>
      <c r="AX29" s="498"/>
      <c r="AY29" s="1331"/>
      <c r="AZ29" s="1329"/>
      <c r="BA29" s="1326"/>
      <c r="BB29" s="1329"/>
      <c r="BC29" s="1326"/>
      <c r="BD29" s="1327"/>
      <c r="BE29" s="1179"/>
      <c r="BF29" s="1178"/>
      <c r="BG29" s="1178"/>
      <c r="BH29" s="1178"/>
      <c r="BI29" s="1178"/>
      <c r="BJ29" s="1178"/>
      <c r="BK29" s="1178"/>
      <c r="BL29" s="1179"/>
      <c r="BM29" s="1176"/>
      <c r="BN29" s="1174"/>
      <c r="BO29" s="1179"/>
      <c r="BP29" s="1178"/>
      <c r="BQ29" s="1178"/>
      <c r="BR29" s="1178"/>
      <c r="BS29" s="1178"/>
      <c r="BT29" s="1178"/>
      <c r="BU29" s="1178"/>
      <c r="BV29" s="1178"/>
      <c r="BW29" s="1178"/>
      <c r="BX29" s="1178"/>
      <c r="BY29" s="1178"/>
      <c r="BZ29" s="1179"/>
      <c r="CA29" s="1318"/>
      <c r="CB29" s="1316"/>
    </row>
    <row r="30" spans="2:82" s="102" customFormat="1" ht="8.25" customHeight="1">
      <c r="B30" s="14"/>
      <c r="C30" s="16"/>
      <c r="D30" s="16"/>
      <c r="E30" s="14"/>
      <c r="F30" s="16"/>
      <c r="G30" s="553"/>
      <c r="H30" s="16"/>
      <c r="I30" s="16"/>
      <c r="J30" s="16"/>
      <c r="K30" s="16"/>
      <c r="L30" s="16"/>
      <c r="M30" s="16"/>
      <c r="N30" s="16"/>
      <c r="O30" s="16"/>
      <c r="P30" s="16"/>
      <c r="Q30" s="16"/>
      <c r="R30" s="16"/>
      <c r="S30" s="16"/>
      <c r="T30" s="16"/>
      <c r="U30" s="16"/>
      <c r="V30" s="554"/>
      <c r="W30" s="553"/>
      <c r="X30" s="16"/>
      <c r="Y30" s="16"/>
      <c r="Z30" s="16"/>
      <c r="AA30" s="16"/>
      <c r="AB30" s="16"/>
      <c r="AC30" s="544"/>
      <c r="AD30" s="554"/>
      <c r="AE30" s="16"/>
      <c r="AF30" s="16"/>
      <c r="AG30" s="16"/>
      <c r="AH30" s="14"/>
      <c r="AI30" s="16"/>
      <c r="AJ30" s="1269"/>
      <c r="AK30" s="1270"/>
      <c r="AL30" s="16"/>
      <c r="AM30" s="16"/>
      <c r="AN30" s="16"/>
      <c r="AO30" s="16"/>
      <c r="AP30" s="16"/>
      <c r="AQ30" s="16"/>
      <c r="AR30" s="16"/>
      <c r="AS30" s="16"/>
      <c r="AT30" s="16"/>
      <c r="AU30" s="16"/>
      <c r="AV30" s="16"/>
      <c r="AW30" s="16"/>
      <c r="AX30" s="16"/>
      <c r="AY30" s="1269"/>
      <c r="AZ30" s="1334"/>
      <c r="BA30" s="1335"/>
      <c r="BB30" s="1334"/>
      <c r="BC30" s="544"/>
      <c r="BD30" s="554"/>
      <c r="BE30" s="16"/>
      <c r="BF30" s="16"/>
      <c r="BG30" s="16"/>
      <c r="BH30" s="16"/>
      <c r="BI30" s="16"/>
      <c r="BJ30" s="16"/>
      <c r="BK30" s="16"/>
      <c r="BL30" s="16"/>
      <c r="BM30" s="555"/>
      <c r="BN30" s="555"/>
      <c r="BO30" s="16"/>
      <c r="BP30" s="16"/>
      <c r="BQ30" s="16"/>
      <c r="BR30" s="16"/>
      <c r="BS30" s="16"/>
      <c r="BT30" s="16"/>
      <c r="BU30" s="16"/>
      <c r="BV30" s="16"/>
      <c r="BW30" s="16"/>
      <c r="BX30" s="16"/>
      <c r="BY30" s="16"/>
      <c r="BZ30" s="16"/>
      <c r="CA30" s="1269"/>
      <c r="CB30" s="1270"/>
      <c r="CC30" s="40"/>
      <c r="CD30" s="40"/>
    </row>
    <row r="31" spans="2:82" ht="15" customHeight="1">
      <c r="B31" s="1364" t="s">
        <v>227</v>
      </c>
      <c r="C31" s="1365"/>
      <c r="D31" s="1366"/>
      <c r="E31" s="1276" t="s">
        <v>49</v>
      </c>
      <c r="F31" s="1363"/>
      <c r="G31" s="1308" t="s">
        <v>27</v>
      </c>
      <c r="H31" s="1180"/>
      <c r="I31" s="1180" t="s">
        <v>28</v>
      </c>
      <c r="J31" s="1180"/>
      <c r="K31" s="1180" t="s">
        <v>29</v>
      </c>
      <c r="L31" s="1180"/>
      <c r="M31" s="1180" t="s">
        <v>30</v>
      </c>
      <c r="N31" s="1180"/>
      <c r="O31" s="1180" t="s">
        <v>31</v>
      </c>
      <c r="P31" s="1180"/>
      <c r="Q31" s="1180" t="s">
        <v>228</v>
      </c>
      <c r="R31" s="1180"/>
      <c r="S31" s="1180" t="s">
        <v>228</v>
      </c>
      <c r="T31" s="1180"/>
      <c r="U31" s="1180" t="s">
        <v>228</v>
      </c>
      <c r="V31" s="1275"/>
      <c r="W31" s="1272" t="s">
        <v>229</v>
      </c>
      <c r="X31" s="1273"/>
      <c r="Y31" s="1273"/>
      <c r="Z31" s="1273"/>
      <c r="AA31" s="1273"/>
      <c r="AB31" s="1274"/>
      <c r="AC31" s="1276" t="s">
        <v>49</v>
      </c>
      <c r="AD31" s="1277"/>
      <c r="AE31" s="1378" t="s">
        <v>63</v>
      </c>
      <c r="AF31" s="1378"/>
      <c r="AG31" s="1379"/>
      <c r="AH31" s="1276" t="s">
        <v>49</v>
      </c>
      <c r="AI31" s="1363"/>
      <c r="AJ31" s="1272">
        <v>1</v>
      </c>
      <c r="AK31" s="1283"/>
      <c r="AL31" s="499">
        <v>1</v>
      </c>
      <c r="AM31" s="85">
        <v>4</v>
      </c>
      <c r="AN31" s="85" t="s">
        <v>230</v>
      </c>
      <c r="AO31" s="85" t="s">
        <v>231</v>
      </c>
      <c r="AP31" s="85">
        <v>0</v>
      </c>
      <c r="AQ31" s="85">
        <v>0</v>
      </c>
      <c r="AR31" s="85">
        <v>1</v>
      </c>
      <c r="AS31" s="85" t="s">
        <v>232</v>
      </c>
      <c r="AT31" s="85">
        <v>0</v>
      </c>
      <c r="AU31" s="85">
        <v>0</v>
      </c>
      <c r="AV31" s="85">
        <v>0</v>
      </c>
      <c r="AW31" s="85">
        <v>0</v>
      </c>
      <c r="AX31" s="499">
        <v>1</v>
      </c>
      <c r="AY31" s="1308">
        <v>5</v>
      </c>
      <c r="AZ31" s="1242"/>
      <c r="BA31" s="1241">
        <v>1</v>
      </c>
      <c r="BB31" s="1242"/>
      <c r="BC31" s="1241">
        <v>40</v>
      </c>
      <c r="BD31" s="1275"/>
      <c r="BE31" s="1180" t="s">
        <v>337</v>
      </c>
      <c r="BF31" s="1309"/>
      <c r="BG31" s="1309"/>
      <c r="BH31" s="1309"/>
      <c r="BI31" s="1309"/>
      <c r="BJ31" s="1309"/>
      <c r="BK31" s="1309"/>
      <c r="BL31" s="1309"/>
      <c r="BM31" s="556">
        <v>3</v>
      </c>
      <c r="BN31" s="556">
        <v>0</v>
      </c>
      <c r="BO31" s="1278"/>
      <c r="BP31" s="1181"/>
      <c r="BQ31" s="1181"/>
      <c r="BR31" s="1181"/>
      <c r="BS31" s="1181"/>
      <c r="BT31" s="1181"/>
      <c r="BU31" s="1181"/>
      <c r="BV31" s="1181"/>
      <c r="BW31" s="1181"/>
      <c r="BX31" s="1181"/>
      <c r="BY31" s="1181"/>
      <c r="BZ31" s="1181"/>
      <c r="CA31" s="1308">
        <v>4</v>
      </c>
      <c r="CB31" s="1275"/>
      <c r="CC31" s="70"/>
      <c r="CD31" s="70"/>
    </row>
    <row r="32" spans="2:82" ht="9" customHeight="1">
      <c r="B32" s="80"/>
      <c r="C32" s="80"/>
      <c r="D32" s="80"/>
      <c r="E32" s="80"/>
      <c r="F32" s="504"/>
      <c r="G32" s="1257"/>
      <c r="H32" s="1258"/>
      <c r="I32" s="1263"/>
      <c r="J32" s="1258"/>
      <c r="K32" s="1263"/>
      <c r="L32" s="1258"/>
      <c r="M32" s="1263"/>
      <c r="N32" s="1258"/>
      <c r="O32" s="1263"/>
      <c r="P32" s="1258"/>
      <c r="Q32" s="1263"/>
      <c r="R32" s="1258"/>
      <c r="S32" s="1263"/>
      <c r="T32" s="1258"/>
      <c r="U32" s="1263"/>
      <c r="V32" s="1264"/>
      <c r="W32" s="1257"/>
      <c r="X32" s="1278"/>
      <c r="Y32" s="1278"/>
      <c r="Z32" s="1278"/>
      <c r="AA32" s="1278"/>
      <c r="AB32" s="1279"/>
      <c r="AC32" s="1336"/>
      <c r="AD32" s="1373"/>
      <c r="AE32" s="1278"/>
      <c r="AF32" s="1278"/>
      <c r="AG32" s="1279"/>
      <c r="AH32" s="1336"/>
      <c r="AI32" s="1263"/>
      <c r="AJ32" s="1257"/>
      <c r="AK32" s="1264"/>
      <c r="AL32" s="1258"/>
      <c r="AM32" s="1319"/>
      <c r="AN32" s="1353"/>
      <c r="AO32" s="1338"/>
      <c r="AP32" s="1336"/>
      <c r="AQ32" s="1263"/>
      <c r="AR32" s="1279"/>
      <c r="AS32" s="1338"/>
      <c r="AT32" s="1336"/>
      <c r="AU32" s="1319"/>
      <c r="AV32" s="1319"/>
      <c r="AW32" s="1319"/>
      <c r="AX32" s="1263"/>
      <c r="AY32" s="1301">
        <v>3</v>
      </c>
      <c r="AZ32" s="1290"/>
      <c r="BA32" s="1289">
        <v>2</v>
      </c>
      <c r="BB32" s="1290"/>
      <c r="BC32" s="1295">
        <v>2</v>
      </c>
      <c r="BD32" s="1298">
        <v>0</v>
      </c>
      <c r="BE32" s="828"/>
      <c r="BF32" s="1310"/>
      <c r="BG32" s="1310"/>
      <c r="BH32" s="1310"/>
      <c r="BI32" s="1310"/>
      <c r="BJ32" s="1310"/>
      <c r="BK32" s="1310"/>
      <c r="BL32" s="828"/>
      <c r="BM32" s="1312"/>
      <c r="BN32" s="1312"/>
      <c r="BO32" s="1179"/>
      <c r="BP32" s="1178"/>
      <c r="BQ32" s="1178"/>
      <c r="BR32" s="1178"/>
      <c r="BS32" s="1178"/>
      <c r="BT32" s="1178"/>
      <c r="BU32" s="1178"/>
      <c r="BV32" s="1178"/>
      <c r="BW32" s="1178"/>
      <c r="BX32" s="1178"/>
      <c r="BY32" s="1178"/>
      <c r="BZ32" s="1179"/>
      <c r="CA32" s="1301">
        <v>2</v>
      </c>
      <c r="CB32" s="1302"/>
      <c r="CC32" s="70"/>
      <c r="CD32" s="70"/>
    </row>
    <row r="33" spans="2:82" ht="9" customHeight="1">
      <c r="B33" s="70"/>
      <c r="C33" s="70"/>
      <c r="D33" s="70"/>
      <c r="E33" s="70"/>
      <c r="F33" s="70"/>
      <c r="G33" s="1259"/>
      <c r="H33" s="1260"/>
      <c r="I33" s="1265"/>
      <c r="J33" s="1260"/>
      <c r="K33" s="1265"/>
      <c r="L33" s="1260"/>
      <c r="M33" s="1265"/>
      <c r="N33" s="1260"/>
      <c r="O33" s="1265"/>
      <c r="P33" s="1260"/>
      <c r="Q33" s="1265"/>
      <c r="R33" s="1260"/>
      <c r="S33" s="1265"/>
      <c r="T33" s="1260"/>
      <c r="U33" s="1265"/>
      <c r="V33" s="1266"/>
      <c r="W33" s="1259"/>
      <c r="X33" s="1211"/>
      <c r="Y33" s="1211"/>
      <c r="Z33" s="1211"/>
      <c r="AA33" s="1211"/>
      <c r="AB33" s="1280"/>
      <c r="AC33" s="1337"/>
      <c r="AD33" s="1374"/>
      <c r="AE33" s="1211"/>
      <c r="AF33" s="1211"/>
      <c r="AG33" s="1280"/>
      <c r="AH33" s="1337"/>
      <c r="AI33" s="1265"/>
      <c r="AJ33" s="1259"/>
      <c r="AK33" s="1266"/>
      <c r="AL33" s="1260"/>
      <c r="AM33" s="1320"/>
      <c r="AN33" s="1354"/>
      <c r="AO33" s="1339"/>
      <c r="AP33" s="1337"/>
      <c r="AQ33" s="1265"/>
      <c r="AR33" s="1280"/>
      <c r="AS33" s="1339"/>
      <c r="AT33" s="1337"/>
      <c r="AU33" s="1320"/>
      <c r="AV33" s="1320"/>
      <c r="AW33" s="1320"/>
      <c r="AX33" s="1265"/>
      <c r="AY33" s="1303"/>
      <c r="AZ33" s="1292"/>
      <c r="BA33" s="1291"/>
      <c r="BB33" s="1292"/>
      <c r="BC33" s="1296"/>
      <c r="BD33" s="1299"/>
      <c r="BE33" s="828"/>
      <c r="BF33" s="1310"/>
      <c r="BG33" s="1310"/>
      <c r="BH33" s="1310"/>
      <c r="BI33" s="1310"/>
      <c r="BJ33" s="1310"/>
      <c r="BK33" s="1310"/>
      <c r="BL33" s="828"/>
      <c r="BM33" s="1313"/>
      <c r="BN33" s="1313"/>
      <c r="BO33" s="1179"/>
      <c r="BP33" s="1178"/>
      <c r="BQ33" s="1178"/>
      <c r="BR33" s="1178"/>
      <c r="BS33" s="1178"/>
      <c r="BT33" s="1178"/>
      <c r="BU33" s="1178"/>
      <c r="BV33" s="1178"/>
      <c r="BW33" s="1178"/>
      <c r="BX33" s="1178"/>
      <c r="BY33" s="1178"/>
      <c r="BZ33" s="1179"/>
      <c r="CA33" s="1303"/>
      <c r="CB33" s="1304"/>
      <c r="CC33" s="71"/>
      <c r="CD33" s="71"/>
    </row>
    <row r="34" spans="2:82" ht="9" customHeight="1" thickBot="1">
      <c r="B34" s="74"/>
      <c r="C34" s="74"/>
      <c r="D34" s="74"/>
      <c r="E34" s="74"/>
      <c r="F34" s="74"/>
      <c r="G34" s="1261"/>
      <c r="H34" s="1262"/>
      <c r="I34" s="1267"/>
      <c r="J34" s="1262"/>
      <c r="K34" s="1267"/>
      <c r="L34" s="1262"/>
      <c r="M34" s="1267"/>
      <c r="N34" s="1262"/>
      <c r="O34" s="1267"/>
      <c r="P34" s="1262"/>
      <c r="Q34" s="1267"/>
      <c r="R34" s="1262"/>
      <c r="S34" s="1267"/>
      <c r="T34" s="1262"/>
      <c r="U34" s="1267"/>
      <c r="V34" s="1268"/>
      <c r="W34" s="1261"/>
      <c r="X34" s="1281"/>
      <c r="Y34" s="1281"/>
      <c r="Z34" s="1281"/>
      <c r="AA34" s="1281"/>
      <c r="AB34" s="1282"/>
      <c r="AC34" s="1376"/>
      <c r="AD34" s="1375"/>
      <c r="AE34" s="1377"/>
      <c r="AF34" s="1377"/>
      <c r="AG34" s="1367"/>
      <c r="AH34" s="1361"/>
      <c r="AI34" s="1271"/>
      <c r="AJ34" s="1261"/>
      <c r="AK34" s="1268"/>
      <c r="AL34" s="1372"/>
      <c r="AM34" s="1320"/>
      <c r="AN34" s="1354"/>
      <c r="AO34" s="1339"/>
      <c r="AP34" s="1337"/>
      <c r="AQ34" s="1265"/>
      <c r="AR34" s="1367"/>
      <c r="AS34" s="1362"/>
      <c r="AT34" s="1361"/>
      <c r="AU34" s="1321"/>
      <c r="AV34" s="1321"/>
      <c r="AW34" s="1321"/>
      <c r="AX34" s="1271"/>
      <c r="AY34" s="1305"/>
      <c r="AZ34" s="1294"/>
      <c r="BA34" s="1293"/>
      <c r="BB34" s="1294"/>
      <c r="BC34" s="1297"/>
      <c r="BD34" s="1300"/>
      <c r="BE34" s="1311"/>
      <c r="BF34" s="1311"/>
      <c r="BG34" s="1311"/>
      <c r="BH34" s="1311"/>
      <c r="BI34" s="1311"/>
      <c r="BJ34" s="1311"/>
      <c r="BK34" s="1311"/>
      <c r="BL34" s="1311"/>
      <c r="BM34" s="1314"/>
      <c r="BN34" s="1314"/>
      <c r="BO34" s="1307"/>
      <c r="BP34" s="1307"/>
      <c r="BQ34" s="1307"/>
      <c r="BR34" s="1307"/>
      <c r="BS34" s="1307"/>
      <c r="BT34" s="1307"/>
      <c r="BU34" s="1307"/>
      <c r="BV34" s="1307"/>
      <c r="BW34" s="1307"/>
      <c r="BX34" s="1307"/>
      <c r="BY34" s="1307"/>
      <c r="BZ34" s="1307"/>
      <c r="CA34" s="1305"/>
      <c r="CB34" s="1306"/>
      <c r="CC34" s="71"/>
      <c r="CD34" s="71"/>
    </row>
    <row r="35" spans="2:82" ht="9" customHeight="1" thickTop="1" thickBot="1">
      <c r="B35" s="74"/>
      <c r="C35" s="74"/>
      <c r="D35" s="74"/>
      <c r="E35" s="74"/>
      <c r="F35" s="74"/>
      <c r="G35" s="70"/>
      <c r="H35" s="70"/>
      <c r="I35" s="58"/>
      <c r="J35" s="58"/>
      <c r="K35" s="58"/>
      <c r="L35" s="58"/>
      <c r="M35" s="58"/>
      <c r="N35" s="58"/>
      <c r="O35" s="58"/>
      <c r="P35" s="58"/>
      <c r="Q35" s="58"/>
      <c r="R35" s="58"/>
      <c r="S35" s="58"/>
      <c r="T35" s="58"/>
      <c r="U35" s="70"/>
      <c r="V35" s="70"/>
      <c r="W35" s="58"/>
      <c r="X35" s="58"/>
      <c r="Y35" s="58"/>
      <c r="Z35" s="58"/>
      <c r="AA35" s="58"/>
      <c r="AB35" s="58"/>
      <c r="AC35" s="58"/>
      <c r="AD35" s="58"/>
      <c r="AE35" s="58"/>
      <c r="AF35" s="58"/>
      <c r="AG35" s="75"/>
      <c r="AH35" s="75"/>
      <c r="AI35" s="75"/>
      <c r="AJ35" s="75"/>
      <c r="AK35" s="58"/>
      <c r="AL35" s="80"/>
      <c r="AM35" s="85"/>
      <c r="AN35" s="85"/>
      <c r="AO35" s="86"/>
      <c r="AP35" s="85"/>
      <c r="AQ35" s="85"/>
      <c r="AR35" s="80"/>
      <c r="AS35" s="58"/>
      <c r="AT35" s="58"/>
      <c r="AU35" s="58"/>
      <c r="AV35" s="58"/>
      <c r="AW35" s="58"/>
      <c r="AX35" s="58"/>
      <c r="AY35" s="58"/>
      <c r="AZ35" s="58"/>
      <c r="BA35" s="58"/>
      <c r="BB35" s="58"/>
      <c r="BC35" s="71"/>
      <c r="BD35" s="71"/>
      <c r="BE35" s="71"/>
      <c r="BF35" s="71"/>
      <c r="BG35" s="71"/>
      <c r="BH35" s="71"/>
      <c r="BI35" s="58"/>
      <c r="BJ35" s="58"/>
      <c r="BK35" s="58"/>
      <c r="BL35" s="58"/>
      <c r="BM35" s="58"/>
      <c r="BN35" s="58"/>
      <c r="BO35" s="58"/>
      <c r="BP35" s="71"/>
      <c r="BQ35" s="71"/>
      <c r="BR35" s="58"/>
      <c r="BS35" s="58"/>
      <c r="BT35" s="58"/>
      <c r="BU35" s="58"/>
      <c r="BV35" s="58"/>
      <c r="BW35" s="58"/>
      <c r="BX35" s="58"/>
      <c r="BY35" s="58"/>
      <c r="BZ35" s="58"/>
      <c r="CA35" s="58"/>
      <c r="CB35" s="58"/>
      <c r="CC35" s="71"/>
      <c r="CD35" s="71"/>
    </row>
    <row r="36" spans="2:82" ht="9" customHeight="1" thickTop="1">
      <c r="B36" s="74"/>
      <c r="C36" s="74"/>
      <c r="D36" s="74"/>
      <c r="E36" s="95"/>
      <c r="F36" s="515"/>
      <c r="G36" s="557"/>
      <c r="H36" s="558"/>
      <c r="I36" s="559"/>
      <c r="J36" s="559"/>
      <c r="K36" s="559"/>
      <c r="L36" s="559"/>
      <c r="M36" s="559"/>
      <c r="N36" s="559"/>
      <c r="O36" s="559"/>
      <c r="P36" s="559"/>
      <c r="Q36" s="559"/>
      <c r="R36" s="559"/>
      <c r="S36" s="560"/>
      <c r="T36" s="1394" t="s">
        <v>123</v>
      </c>
      <c r="U36" s="1380" t="s">
        <v>124</v>
      </c>
      <c r="V36" s="1213"/>
      <c r="W36" s="1213"/>
      <c r="X36" s="1213"/>
      <c r="Y36" s="1213"/>
      <c r="Z36" s="1213"/>
      <c r="AA36" s="1381"/>
      <c r="AB36" s="1380" t="s">
        <v>125</v>
      </c>
      <c r="AC36" s="1213"/>
      <c r="AD36" s="1213"/>
      <c r="AE36" s="1213"/>
      <c r="AF36" s="1213"/>
      <c r="AG36" s="1213"/>
      <c r="AH36" s="1214"/>
      <c r="AI36" s="1357" t="s">
        <v>237</v>
      </c>
      <c r="AJ36" s="1357"/>
      <c r="AK36" s="1357"/>
      <c r="AL36" s="1357"/>
      <c r="AM36" s="1357"/>
      <c r="AN36" s="1357"/>
      <c r="AO36" s="1358"/>
      <c r="AP36" s="87"/>
      <c r="AQ36" s="85"/>
      <c r="AR36" s="85"/>
      <c r="AS36" s="85"/>
      <c r="AT36" s="85"/>
      <c r="AU36" s="85"/>
      <c r="AV36" s="88"/>
      <c r="AW36" s="87"/>
      <c r="AX36" s="85"/>
      <c r="AY36" s="85"/>
      <c r="AZ36" s="85"/>
      <c r="BA36" s="85"/>
      <c r="BB36" s="85"/>
      <c r="BC36" s="97"/>
      <c r="BD36" s="98"/>
      <c r="BE36" s="86"/>
      <c r="BF36" s="86"/>
      <c r="BG36" s="86"/>
      <c r="BH36" s="86"/>
      <c r="BI36" s="85"/>
      <c r="BJ36" s="88"/>
      <c r="BK36" s="87"/>
      <c r="BL36" s="85"/>
      <c r="BM36" s="85"/>
      <c r="BN36" s="85"/>
      <c r="BO36" s="85"/>
      <c r="BP36" s="86"/>
      <c r="BQ36" s="97"/>
      <c r="BR36" s="1241" t="s">
        <v>128</v>
      </c>
      <c r="BS36" s="1180"/>
      <c r="BT36" s="1180"/>
      <c r="BU36" s="1180"/>
      <c r="BV36" s="1180"/>
      <c r="BW36" s="1180"/>
      <c r="BX36" s="1180"/>
      <c r="BY36" s="1242"/>
      <c r="BZ36" s="1284" t="s">
        <v>234</v>
      </c>
      <c r="CA36" s="58"/>
      <c r="CB36" s="58"/>
      <c r="CC36" s="71"/>
      <c r="CD36" s="71"/>
    </row>
    <row r="37" spans="2:82" ht="9" customHeight="1">
      <c r="B37" s="74"/>
      <c r="C37" s="74"/>
      <c r="D37" s="74"/>
      <c r="E37" s="1232" t="s">
        <v>1</v>
      </c>
      <c r="F37" s="1233"/>
      <c r="G37" s="1198" t="s">
        <v>233</v>
      </c>
      <c r="H37" s="1177"/>
      <c r="I37" s="1177"/>
      <c r="J37" s="1177"/>
      <c r="K37" s="1177"/>
      <c r="L37" s="1177"/>
      <c r="M37" s="1177"/>
      <c r="N37" s="1177"/>
      <c r="O37" s="1177"/>
      <c r="P37" s="1177"/>
      <c r="Q37" s="1177"/>
      <c r="R37" s="1177"/>
      <c r="S37" s="1236"/>
      <c r="T37" s="1395"/>
      <c r="U37" s="1243"/>
      <c r="V37" s="1244"/>
      <c r="W37" s="1244"/>
      <c r="X37" s="1244"/>
      <c r="Y37" s="1244"/>
      <c r="Z37" s="1244"/>
      <c r="AA37" s="1245"/>
      <c r="AB37" s="1243"/>
      <c r="AC37" s="1244"/>
      <c r="AD37" s="1244"/>
      <c r="AE37" s="1244"/>
      <c r="AF37" s="1244"/>
      <c r="AG37" s="1244"/>
      <c r="AH37" s="1323"/>
      <c r="AI37" s="1359"/>
      <c r="AJ37" s="1359"/>
      <c r="AK37" s="1359"/>
      <c r="AL37" s="1359"/>
      <c r="AM37" s="1359"/>
      <c r="AN37" s="1359"/>
      <c r="AO37" s="1360"/>
      <c r="AP37" s="1235" t="s">
        <v>134</v>
      </c>
      <c r="AQ37" s="1177"/>
      <c r="AR37" s="1177"/>
      <c r="AS37" s="1177"/>
      <c r="AT37" s="1177"/>
      <c r="AU37" s="1177"/>
      <c r="AV37" s="1236"/>
      <c r="AW37" s="1231" t="s">
        <v>135</v>
      </c>
      <c r="AX37" s="1170"/>
      <c r="AY37" s="1170"/>
      <c r="AZ37" s="1170"/>
      <c r="BA37" s="1170"/>
      <c r="BB37" s="1170"/>
      <c r="BC37" s="1171"/>
      <c r="BD37" s="1286" t="s">
        <v>136</v>
      </c>
      <c r="BE37" s="1287"/>
      <c r="BF37" s="1287"/>
      <c r="BG37" s="1287"/>
      <c r="BH37" s="1287"/>
      <c r="BI37" s="1287"/>
      <c r="BJ37" s="1288"/>
      <c r="BK37" s="1235" t="s">
        <v>137</v>
      </c>
      <c r="BL37" s="1177"/>
      <c r="BM37" s="1177"/>
      <c r="BN37" s="1177"/>
      <c r="BO37" s="1177"/>
      <c r="BP37" s="1177"/>
      <c r="BQ37" s="1236"/>
      <c r="BR37" s="1235"/>
      <c r="BS37" s="1177"/>
      <c r="BT37" s="1177"/>
      <c r="BU37" s="1177"/>
      <c r="BV37" s="1177"/>
      <c r="BW37" s="1177"/>
      <c r="BX37" s="1177"/>
      <c r="BY37" s="1236"/>
      <c r="BZ37" s="1285"/>
      <c r="CA37" s="58"/>
      <c r="CB37" s="58"/>
      <c r="CC37" s="71"/>
      <c r="CD37" s="71"/>
    </row>
    <row r="38" spans="2:82" ht="9" customHeight="1">
      <c r="B38" s="72"/>
      <c r="C38" s="70"/>
      <c r="D38" s="73"/>
      <c r="E38" s="1202"/>
      <c r="F38" s="1233"/>
      <c r="G38" s="1198"/>
      <c r="H38" s="1177"/>
      <c r="I38" s="1177"/>
      <c r="J38" s="1177"/>
      <c r="K38" s="1177"/>
      <c r="L38" s="1177"/>
      <c r="M38" s="1177"/>
      <c r="N38" s="1177"/>
      <c r="O38" s="1177"/>
      <c r="P38" s="1177"/>
      <c r="Q38" s="1177"/>
      <c r="R38" s="1177"/>
      <c r="S38" s="1236"/>
      <c r="T38" s="1395"/>
      <c r="U38" s="1382" t="s">
        <v>130</v>
      </c>
      <c r="V38" s="1241" t="s">
        <v>131</v>
      </c>
      <c r="W38" s="1242"/>
      <c r="X38" s="1241" t="s">
        <v>236</v>
      </c>
      <c r="Y38" s="1242"/>
      <c r="Z38" s="1241" t="s">
        <v>133</v>
      </c>
      <c r="AA38" s="1242"/>
      <c r="AB38" s="1284" t="s">
        <v>130</v>
      </c>
      <c r="AC38" s="1241" t="s">
        <v>131</v>
      </c>
      <c r="AD38" s="1242"/>
      <c r="AE38" s="1241" t="s">
        <v>236</v>
      </c>
      <c r="AF38" s="1242"/>
      <c r="AG38" s="1368" t="s">
        <v>133</v>
      </c>
      <c r="AH38" s="1369"/>
      <c r="AI38" s="1355" t="s">
        <v>238</v>
      </c>
      <c r="AJ38" s="1355"/>
      <c r="AK38" s="1355"/>
      <c r="AL38" s="1355"/>
      <c r="AM38" s="1355"/>
      <c r="AN38" s="1355"/>
      <c r="AO38" s="1356"/>
      <c r="AP38" s="1235"/>
      <c r="AQ38" s="1177"/>
      <c r="AR38" s="1177"/>
      <c r="AS38" s="1177"/>
      <c r="AT38" s="1177"/>
      <c r="AU38" s="1177"/>
      <c r="AV38" s="1236"/>
      <c r="AW38" s="1231"/>
      <c r="AX38" s="1170"/>
      <c r="AY38" s="1170"/>
      <c r="AZ38" s="1170"/>
      <c r="BA38" s="1170"/>
      <c r="BB38" s="1170"/>
      <c r="BC38" s="1171"/>
      <c r="BD38" s="1286"/>
      <c r="BE38" s="1287"/>
      <c r="BF38" s="1287"/>
      <c r="BG38" s="1287"/>
      <c r="BH38" s="1287"/>
      <c r="BI38" s="1287"/>
      <c r="BJ38" s="1288"/>
      <c r="BK38" s="1235"/>
      <c r="BL38" s="1177"/>
      <c r="BM38" s="1177"/>
      <c r="BN38" s="1177"/>
      <c r="BO38" s="1177"/>
      <c r="BP38" s="1177"/>
      <c r="BQ38" s="1236"/>
      <c r="BR38" s="1235" t="s">
        <v>139</v>
      </c>
      <c r="BS38" s="1177"/>
      <c r="BT38" s="1177"/>
      <c r="BU38" s="1177"/>
      <c r="BV38" s="1177"/>
      <c r="BW38" s="1177"/>
      <c r="BX38" s="1177"/>
      <c r="BY38" s="1236"/>
      <c r="BZ38" s="1285"/>
      <c r="CA38" s="58"/>
      <c r="CB38" s="58"/>
      <c r="CC38" s="58"/>
      <c r="CD38" s="58"/>
    </row>
    <row r="39" spans="2:82" ht="9" customHeight="1">
      <c r="B39" s="76"/>
      <c r="C39" s="76"/>
      <c r="D39" s="76"/>
      <c r="E39" s="1202"/>
      <c r="F39" s="1233"/>
      <c r="G39" s="561"/>
      <c r="H39" s="539"/>
      <c r="I39" s="539"/>
      <c r="J39" s="539"/>
      <c r="K39" s="539"/>
      <c r="L39" s="539"/>
      <c r="M39" s="539"/>
      <c r="N39" s="539"/>
      <c r="O39" s="539"/>
      <c r="P39" s="539"/>
      <c r="Q39" s="539"/>
      <c r="R39" s="539"/>
      <c r="S39" s="540"/>
      <c r="T39" s="1395"/>
      <c r="U39" s="1383"/>
      <c r="V39" s="1235"/>
      <c r="W39" s="1236"/>
      <c r="X39" s="1235"/>
      <c r="Y39" s="1236"/>
      <c r="Z39" s="1235"/>
      <c r="AA39" s="1236"/>
      <c r="AB39" s="1285"/>
      <c r="AC39" s="1235"/>
      <c r="AD39" s="1236"/>
      <c r="AE39" s="1235"/>
      <c r="AF39" s="1236"/>
      <c r="AG39" s="1370"/>
      <c r="AH39" s="1371"/>
      <c r="AI39" s="1355"/>
      <c r="AJ39" s="1355"/>
      <c r="AK39" s="1355"/>
      <c r="AL39" s="1355"/>
      <c r="AM39" s="1355"/>
      <c r="AN39" s="1355"/>
      <c r="AO39" s="1356"/>
      <c r="AP39" s="82"/>
      <c r="AQ39" s="58"/>
      <c r="AR39" s="58"/>
      <c r="AS39" s="58"/>
      <c r="AT39" s="58"/>
      <c r="AU39" s="58"/>
      <c r="AV39" s="67"/>
      <c r="AW39" s="82"/>
      <c r="AX39" s="58"/>
      <c r="AY39" s="58"/>
      <c r="AZ39" s="58"/>
      <c r="BA39" s="58"/>
      <c r="BB39" s="58"/>
      <c r="BC39" s="67"/>
      <c r="BD39" s="82"/>
      <c r="BE39" s="58"/>
      <c r="BF39" s="58"/>
      <c r="BG39" s="58"/>
      <c r="BH39" s="58"/>
      <c r="BI39" s="58"/>
      <c r="BJ39" s="67"/>
      <c r="BK39" s="82"/>
      <c r="BL39" s="58"/>
      <c r="BM39" s="58"/>
      <c r="BN39" s="58"/>
      <c r="BO39" s="58"/>
      <c r="BP39" s="58"/>
      <c r="BQ39" s="67"/>
      <c r="BR39" s="1235"/>
      <c r="BS39" s="1177"/>
      <c r="BT39" s="1177"/>
      <c r="BU39" s="1177"/>
      <c r="BV39" s="1177"/>
      <c r="BW39" s="1177"/>
      <c r="BX39" s="1177"/>
      <c r="BY39" s="1236"/>
      <c r="BZ39" s="1285"/>
      <c r="CA39" s="58"/>
      <c r="CB39" s="58"/>
      <c r="CC39" s="58"/>
      <c r="CD39" s="58"/>
    </row>
    <row r="40" spans="2:82" s="102" customFormat="1" ht="8.25" customHeight="1">
      <c r="B40" s="40"/>
      <c r="C40" s="40"/>
      <c r="D40" s="40"/>
      <c r="E40" s="100"/>
      <c r="F40" s="516"/>
      <c r="G40" s="562"/>
      <c r="H40" s="40"/>
      <c r="I40" s="40"/>
      <c r="J40" s="40"/>
      <c r="K40" s="40"/>
      <c r="L40" s="40"/>
      <c r="M40" s="40"/>
      <c r="N40" s="40"/>
      <c r="O40" s="40"/>
      <c r="P40" s="40"/>
      <c r="Q40" s="40"/>
      <c r="R40" s="40"/>
      <c r="S40" s="546"/>
      <c r="T40" s="544"/>
      <c r="U40" s="15"/>
      <c r="V40" s="544"/>
      <c r="W40" s="545"/>
      <c r="X40" s="544"/>
      <c r="Y40" s="545"/>
      <c r="Z40" s="544"/>
      <c r="AA40" s="545"/>
      <c r="AB40" s="15"/>
      <c r="AC40" s="544"/>
      <c r="AD40" s="545"/>
      <c r="AE40" s="544"/>
      <c r="AF40" s="545"/>
      <c r="AG40" s="544"/>
      <c r="AH40" s="554"/>
      <c r="AI40" s="40"/>
      <c r="AJ40" s="40"/>
      <c r="AK40" s="40"/>
      <c r="AL40" s="16"/>
      <c r="AM40" s="16"/>
      <c r="AN40" s="16"/>
      <c r="AO40" s="66"/>
      <c r="AP40" s="14"/>
      <c r="AQ40" s="16"/>
      <c r="AR40" s="16"/>
      <c r="AS40" s="16"/>
      <c r="AT40" s="16"/>
      <c r="AU40" s="16"/>
      <c r="AV40" s="66"/>
      <c r="AW40" s="14"/>
      <c r="AX40" s="16"/>
      <c r="AY40" s="16"/>
      <c r="AZ40" s="16"/>
      <c r="BA40" s="16"/>
      <c r="BB40" s="16"/>
      <c r="BC40" s="66"/>
      <c r="BD40" s="14"/>
      <c r="BE40" s="16"/>
      <c r="BF40" s="16"/>
      <c r="BG40" s="16"/>
      <c r="BH40" s="16"/>
      <c r="BI40" s="16"/>
      <c r="BJ40" s="66"/>
      <c r="BK40" s="14"/>
      <c r="BL40" s="16"/>
      <c r="BM40" s="16"/>
      <c r="BN40" s="16"/>
      <c r="BO40" s="16"/>
      <c r="BP40" s="16"/>
      <c r="BQ40" s="66"/>
      <c r="BR40" s="14"/>
      <c r="BS40" s="16"/>
      <c r="BT40" s="16"/>
      <c r="BU40" s="16"/>
      <c r="BV40" s="16"/>
      <c r="BW40" s="16"/>
      <c r="BX40" s="16"/>
      <c r="BY40" s="66"/>
      <c r="BZ40" s="15"/>
      <c r="CA40" s="40"/>
      <c r="CB40" s="40"/>
      <c r="CC40" s="40"/>
      <c r="CD40" s="40"/>
    </row>
    <row r="41" spans="2:82" ht="15" customHeight="1">
      <c r="B41" s="70"/>
      <c r="C41" s="70"/>
      <c r="D41" s="70"/>
      <c r="E41" s="1276" t="s">
        <v>235</v>
      </c>
      <c r="F41" s="1396"/>
      <c r="G41" s="563" t="s">
        <v>239</v>
      </c>
      <c r="H41" s="543" t="s">
        <v>240</v>
      </c>
      <c r="I41" s="543" t="s">
        <v>239</v>
      </c>
      <c r="J41" s="543" t="s">
        <v>241</v>
      </c>
      <c r="K41" s="543" t="s">
        <v>242</v>
      </c>
      <c r="L41" s="543"/>
      <c r="M41" s="543" t="s">
        <v>243</v>
      </c>
      <c r="N41" s="543" t="s">
        <v>244</v>
      </c>
      <c r="O41" s="543" t="s">
        <v>245</v>
      </c>
      <c r="P41" s="543" t="s">
        <v>246</v>
      </c>
      <c r="Q41" s="543" t="s">
        <v>246</v>
      </c>
      <c r="R41" s="543" t="s">
        <v>246</v>
      </c>
      <c r="S41" s="542" t="s">
        <v>246</v>
      </c>
      <c r="T41" s="543">
        <v>1</v>
      </c>
      <c r="U41" s="110">
        <v>5</v>
      </c>
      <c r="V41" s="541">
        <v>6</v>
      </c>
      <c r="W41" s="542">
        <v>0</v>
      </c>
      <c r="X41" s="541">
        <v>1</v>
      </c>
      <c r="Y41" s="542">
        <v>0</v>
      </c>
      <c r="Z41" s="541">
        <v>2</v>
      </c>
      <c r="AA41" s="542">
        <v>9</v>
      </c>
      <c r="AB41" s="110">
        <v>7</v>
      </c>
      <c r="AC41" s="541">
        <v>2</v>
      </c>
      <c r="AD41" s="542">
        <v>0</v>
      </c>
      <c r="AE41" s="541">
        <v>0</v>
      </c>
      <c r="AF41" s="542">
        <v>4</v>
      </c>
      <c r="AG41" s="541">
        <v>0</v>
      </c>
      <c r="AH41" s="564">
        <v>1</v>
      </c>
      <c r="AI41" s="500"/>
      <c r="AJ41" s="79"/>
      <c r="AK41" s="84"/>
      <c r="AL41" s="104" t="s">
        <v>140</v>
      </c>
      <c r="AM41" s="99"/>
      <c r="AN41" s="105"/>
      <c r="AO41" s="104" t="s">
        <v>141</v>
      </c>
      <c r="AP41" s="99"/>
      <c r="AQ41" s="106"/>
      <c r="AR41" s="105"/>
      <c r="AS41" s="104" t="s">
        <v>140</v>
      </c>
      <c r="AT41" s="73"/>
      <c r="AU41" s="105"/>
      <c r="AV41" s="107" t="s">
        <v>141</v>
      </c>
      <c r="AW41" s="108"/>
      <c r="AX41" s="99"/>
      <c r="AY41" s="105"/>
      <c r="AZ41" s="104" t="s">
        <v>140</v>
      </c>
      <c r="BA41" s="73"/>
      <c r="BB41" s="105"/>
      <c r="BC41" s="107" t="s">
        <v>141</v>
      </c>
      <c r="BD41" s="108"/>
      <c r="BE41" s="99"/>
      <c r="BF41" s="105"/>
      <c r="BG41" s="104" t="s">
        <v>140</v>
      </c>
      <c r="BH41" s="73"/>
      <c r="BI41" s="105"/>
      <c r="BJ41" s="107" t="s">
        <v>141</v>
      </c>
      <c r="BK41" s="108"/>
      <c r="BL41" s="99"/>
      <c r="BM41" s="105"/>
      <c r="BN41" s="104" t="s">
        <v>140</v>
      </c>
      <c r="BO41" s="73"/>
      <c r="BP41" s="105"/>
      <c r="BQ41" s="104" t="s">
        <v>141</v>
      </c>
      <c r="BR41" s="109"/>
      <c r="BS41" s="105"/>
      <c r="BT41" s="99"/>
      <c r="BU41" s="105"/>
      <c r="BV41" s="104" t="s">
        <v>140</v>
      </c>
      <c r="BW41" s="73"/>
      <c r="BX41" s="105"/>
      <c r="BY41" s="107" t="s">
        <v>141</v>
      </c>
      <c r="BZ41" s="110">
        <v>0</v>
      </c>
      <c r="CA41" s="70"/>
      <c r="CB41" s="70"/>
      <c r="CC41" s="70"/>
      <c r="CD41" s="70"/>
    </row>
    <row r="42" spans="2:82" ht="9" customHeight="1">
      <c r="B42" s="70"/>
      <c r="C42" s="70"/>
      <c r="D42" s="70"/>
      <c r="E42" s="70"/>
      <c r="F42" s="70"/>
      <c r="G42" s="1257"/>
      <c r="H42" s="1263"/>
      <c r="I42" s="1263"/>
      <c r="J42" s="1263"/>
      <c r="K42" s="1263"/>
      <c r="L42" s="1263"/>
      <c r="M42" s="1263"/>
      <c r="N42" s="1263"/>
      <c r="O42" s="1263"/>
      <c r="P42" s="1263"/>
      <c r="Q42" s="1263"/>
      <c r="R42" s="1263"/>
      <c r="S42" s="1353"/>
      <c r="T42" s="1404"/>
      <c r="U42" s="1385"/>
      <c r="V42" s="1241"/>
      <c r="W42" s="1389"/>
      <c r="X42" s="1241"/>
      <c r="Y42" s="1389"/>
      <c r="Z42" s="1241"/>
      <c r="AA42" s="1389"/>
      <c r="AB42" s="1385"/>
      <c r="AC42" s="1241"/>
      <c r="AD42" s="1389"/>
      <c r="AE42" s="1241"/>
      <c r="AF42" s="1389"/>
      <c r="AG42" s="1241"/>
      <c r="AH42" s="1397"/>
      <c r="AI42" s="1400"/>
      <c r="AJ42" s="1342">
        <v>3</v>
      </c>
      <c r="AK42" s="1346">
        <v>0</v>
      </c>
      <c r="AL42" s="1340">
        <v>0</v>
      </c>
      <c r="AM42" s="1342">
        <v>0</v>
      </c>
      <c r="AN42" s="1346">
        <v>0</v>
      </c>
      <c r="AO42" s="1340">
        <v>0</v>
      </c>
      <c r="AP42" s="1342"/>
      <c r="AQ42" s="1344"/>
      <c r="AR42" s="1346"/>
      <c r="AS42" s="1340">
        <v>8</v>
      </c>
      <c r="AT42" s="1342">
        <v>0</v>
      </c>
      <c r="AU42" s="1346">
        <v>0</v>
      </c>
      <c r="AV42" s="1340">
        <v>0</v>
      </c>
      <c r="AW42" s="1348"/>
      <c r="AX42" s="1342"/>
      <c r="AY42" s="1346">
        <v>1</v>
      </c>
      <c r="AZ42" s="1340">
        <v>2</v>
      </c>
      <c r="BA42" s="1342">
        <v>0</v>
      </c>
      <c r="BB42" s="1346">
        <v>0</v>
      </c>
      <c r="BC42" s="1340">
        <v>0</v>
      </c>
      <c r="BD42" s="1348"/>
      <c r="BE42" s="1342"/>
      <c r="BF42" s="1346"/>
      <c r="BG42" s="1340"/>
      <c r="BH42" s="1342"/>
      <c r="BI42" s="1346"/>
      <c r="BJ42" s="1340">
        <v>0</v>
      </c>
      <c r="BK42" s="1348"/>
      <c r="BL42" s="1342">
        <v>3</v>
      </c>
      <c r="BM42" s="1346">
        <v>2</v>
      </c>
      <c r="BN42" s="1340">
        <v>0</v>
      </c>
      <c r="BO42" s="1342">
        <v>0</v>
      </c>
      <c r="BP42" s="1346">
        <v>0</v>
      </c>
      <c r="BQ42" s="1340">
        <v>0</v>
      </c>
      <c r="BR42" s="1342"/>
      <c r="BS42" s="1340">
        <v>4</v>
      </c>
      <c r="BT42" s="1342">
        <v>8</v>
      </c>
      <c r="BU42" s="1346">
        <v>0</v>
      </c>
      <c r="BV42" s="1340">
        <v>0</v>
      </c>
      <c r="BW42" s="1342">
        <v>0</v>
      </c>
      <c r="BX42" s="1346">
        <v>0</v>
      </c>
      <c r="BY42" s="1340">
        <v>0</v>
      </c>
      <c r="BZ42" s="1350"/>
      <c r="CA42" s="71"/>
      <c r="CB42" s="71"/>
      <c r="CC42" s="70"/>
      <c r="CD42" s="70"/>
    </row>
    <row r="43" spans="2:82" ht="9" customHeight="1">
      <c r="B43" s="70"/>
      <c r="C43" s="70"/>
      <c r="D43" s="70"/>
      <c r="E43" s="74"/>
      <c r="F43" s="58"/>
      <c r="G43" s="1259"/>
      <c r="H43" s="1265"/>
      <c r="I43" s="1265"/>
      <c r="J43" s="1265"/>
      <c r="K43" s="1265"/>
      <c r="L43" s="1265"/>
      <c r="M43" s="1392"/>
      <c r="N43" s="1265"/>
      <c r="O43" s="1265"/>
      <c r="P43" s="1265"/>
      <c r="Q43" s="1265"/>
      <c r="R43" s="1265"/>
      <c r="S43" s="1354"/>
      <c r="T43" s="1405"/>
      <c r="U43" s="1386"/>
      <c r="V43" s="1235"/>
      <c r="W43" s="1390"/>
      <c r="X43" s="1235"/>
      <c r="Y43" s="1390"/>
      <c r="Z43" s="1235"/>
      <c r="AA43" s="1390"/>
      <c r="AB43" s="1386"/>
      <c r="AC43" s="1235"/>
      <c r="AD43" s="1390"/>
      <c r="AE43" s="1235"/>
      <c r="AF43" s="1390"/>
      <c r="AG43" s="1235"/>
      <c r="AH43" s="1398"/>
      <c r="AI43" s="1400"/>
      <c r="AJ43" s="1342"/>
      <c r="AK43" s="1346"/>
      <c r="AL43" s="1340"/>
      <c r="AM43" s="1342"/>
      <c r="AN43" s="1346"/>
      <c r="AO43" s="1340"/>
      <c r="AP43" s="1342"/>
      <c r="AQ43" s="1344"/>
      <c r="AR43" s="1346"/>
      <c r="AS43" s="1340"/>
      <c r="AT43" s="1342"/>
      <c r="AU43" s="1346"/>
      <c r="AV43" s="1340"/>
      <c r="AW43" s="1348"/>
      <c r="AX43" s="1342"/>
      <c r="AY43" s="1346"/>
      <c r="AZ43" s="1340"/>
      <c r="BA43" s="1342"/>
      <c r="BB43" s="1346"/>
      <c r="BC43" s="1340"/>
      <c r="BD43" s="1348"/>
      <c r="BE43" s="1342"/>
      <c r="BF43" s="1346"/>
      <c r="BG43" s="1340"/>
      <c r="BH43" s="1342"/>
      <c r="BI43" s="1346"/>
      <c r="BJ43" s="1340"/>
      <c r="BK43" s="1348"/>
      <c r="BL43" s="1342"/>
      <c r="BM43" s="1346"/>
      <c r="BN43" s="1340"/>
      <c r="BO43" s="1342"/>
      <c r="BP43" s="1346"/>
      <c r="BQ43" s="1340"/>
      <c r="BR43" s="1342"/>
      <c r="BS43" s="1340"/>
      <c r="BT43" s="1342"/>
      <c r="BU43" s="1346"/>
      <c r="BV43" s="1340"/>
      <c r="BW43" s="1342"/>
      <c r="BX43" s="1346"/>
      <c r="BY43" s="1340"/>
      <c r="BZ43" s="1351"/>
      <c r="CA43" s="71"/>
      <c r="CB43" s="71"/>
      <c r="CC43" s="70"/>
      <c r="CD43" s="70"/>
    </row>
    <row r="44" spans="2:82" ht="9" customHeight="1" thickBot="1">
      <c r="B44" s="70"/>
      <c r="C44" s="70"/>
      <c r="D44" s="70"/>
      <c r="E44" s="58"/>
      <c r="F44" s="58"/>
      <c r="G44" s="1261"/>
      <c r="H44" s="1267"/>
      <c r="I44" s="1267"/>
      <c r="J44" s="1267"/>
      <c r="K44" s="1267"/>
      <c r="L44" s="1267"/>
      <c r="M44" s="1393"/>
      <c r="N44" s="1267"/>
      <c r="O44" s="1267"/>
      <c r="P44" s="1267"/>
      <c r="Q44" s="1267"/>
      <c r="R44" s="1267"/>
      <c r="S44" s="1384"/>
      <c r="T44" s="1406"/>
      <c r="U44" s="1387"/>
      <c r="V44" s="1388"/>
      <c r="W44" s="1391"/>
      <c r="X44" s="1388"/>
      <c r="Y44" s="1391"/>
      <c r="Z44" s="1388"/>
      <c r="AA44" s="1391"/>
      <c r="AB44" s="1387"/>
      <c r="AC44" s="1388"/>
      <c r="AD44" s="1391"/>
      <c r="AE44" s="1388"/>
      <c r="AF44" s="1391"/>
      <c r="AG44" s="1388"/>
      <c r="AH44" s="1399"/>
      <c r="AI44" s="1401"/>
      <c r="AJ44" s="1343"/>
      <c r="AK44" s="1347"/>
      <c r="AL44" s="1341"/>
      <c r="AM44" s="1343"/>
      <c r="AN44" s="1347"/>
      <c r="AO44" s="1341"/>
      <c r="AP44" s="1343"/>
      <c r="AQ44" s="1345"/>
      <c r="AR44" s="1347"/>
      <c r="AS44" s="1341"/>
      <c r="AT44" s="1343"/>
      <c r="AU44" s="1347"/>
      <c r="AV44" s="1341"/>
      <c r="AW44" s="1349"/>
      <c r="AX44" s="1343"/>
      <c r="AY44" s="1347"/>
      <c r="AZ44" s="1341"/>
      <c r="BA44" s="1343"/>
      <c r="BB44" s="1347"/>
      <c r="BC44" s="1341"/>
      <c r="BD44" s="1349"/>
      <c r="BE44" s="1343"/>
      <c r="BF44" s="1347"/>
      <c r="BG44" s="1341"/>
      <c r="BH44" s="1343"/>
      <c r="BI44" s="1347"/>
      <c r="BJ44" s="1341"/>
      <c r="BK44" s="1349"/>
      <c r="BL44" s="1343"/>
      <c r="BM44" s="1347"/>
      <c r="BN44" s="1341"/>
      <c r="BO44" s="1343"/>
      <c r="BP44" s="1347"/>
      <c r="BQ44" s="1341"/>
      <c r="BR44" s="1343"/>
      <c r="BS44" s="1341"/>
      <c r="BT44" s="1343"/>
      <c r="BU44" s="1347"/>
      <c r="BV44" s="1341"/>
      <c r="BW44" s="1343"/>
      <c r="BX44" s="1347"/>
      <c r="BY44" s="1341"/>
      <c r="BZ44" s="1352"/>
      <c r="CA44" s="71"/>
      <c r="CB44" s="71"/>
      <c r="CC44" s="70"/>
      <c r="CD44" s="70"/>
    </row>
    <row r="45" spans="2:82" ht="9" customHeight="1" thickTop="1">
      <c r="B45" s="70"/>
      <c r="C45" s="70"/>
      <c r="D45" s="70"/>
      <c r="E45" s="58"/>
      <c r="F45" s="58"/>
      <c r="G45" s="70"/>
      <c r="H45" s="70"/>
      <c r="I45" s="70"/>
      <c r="J45" s="70"/>
      <c r="K45" s="70"/>
      <c r="L45" s="70"/>
      <c r="M45" s="3"/>
      <c r="N45" s="70"/>
      <c r="O45" s="70"/>
      <c r="P45" s="70"/>
      <c r="Q45" s="70"/>
      <c r="R45" s="70"/>
      <c r="S45" s="70"/>
      <c r="T45" s="71"/>
      <c r="U45" s="58"/>
      <c r="V45" s="58"/>
      <c r="W45" s="58"/>
      <c r="X45" s="58"/>
      <c r="Y45" s="58"/>
      <c r="Z45" s="58"/>
      <c r="AA45" s="58"/>
      <c r="AB45" s="58"/>
      <c r="AC45" s="58"/>
      <c r="AD45" s="58"/>
      <c r="AE45" s="58"/>
      <c r="AF45" s="58"/>
      <c r="AG45" s="58"/>
      <c r="AH45" s="58"/>
      <c r="AI45" s="111"/>
      <c r="AJ45" s="111"/>
      <c r="AK45" s="111"/>
      <c r="AL45" s="111"/>
      <c r="AM45" s="111"/>
      <c r="AN45" s="111"/>
      <c r="AO45" s="111"/>
      <c r="AP45" s="111"/>
      <c r="AQ45" s="111"/>
      <c r="AR45" s="111"/>
      <c r="AS45" s="111"/>
      <c r="AT45" s="111"/>
      <c r="AU45" s="111"/>
      <c r="AV45" s="111"/>
      <c r="AW45" s="111"/>
      <c r="AX45" s="111"/>
      <c r="AY45" s="111"/>
      <c r="AZ45" s="111"/>
      <c r="BA45" s="111"/>
      <c r="BB45" s="111"/>
      <c r="BC45" s="111"/>
      <c r="BD45" s="111"/>
      <c r="BE45" s="111"/>
      <c r="BF45" s="111"/>
      <c r="BG45" s="111"/>
      <c r="BH45" s="111"/>
      <c r="BI45" s="111"/>
      <c r="BJ45" s="111"/>
      <c r="BK45" s="111"/>
      <c r="BL45" s="111"/>
      <c r="BM45" s="111"/>
      <c r="BN45" s="111"/>
      <c r="BO45" s="111"/>
      <c r="BP45" s="111"/>
      <c r="BQ45" s="111"/>
      <c r="BR45" s="111"/>
      <c r="BS45" s="111"/>
      <c r="BT45" s="111"/>
      <c r="BU45" s="111"/>
      <c r="BV45" s="111"/>
      <c r="BW45" s="111"/>
      <c r="BX45" s="111"/>
      <c r="BY45" s="111"/>
      <c r="BZ45" s="71"/>
      <c r="CA45" s="71"/>
      <c r="CB45" s="71"/>
      <c r="CC45" s="70"/>
      <c r="CD45" s="70"/>
    </row>
    <row r="46" spans="2:82" ht="18" customHeight="1">
      <c r="B46" s="112" t="s">
        <v>249</v>
      </c>
      <c r="C46" s="70"/>
      <c r="D46" s="70"/>
      <c r="E46" s="58"/>
      <c r="F46" s="58"/>
      <c r="G46" s="70"/>
      <c r="H46" s="70"/>
      <c r="I46" s="70"/>
      <c r="J46" s="70"/>
      <c r="K46" s="70"/>
      <c r="L46" s="70"/>
      <c r="M46" s="3"/>
      <c r="N46" s="70"/>
      <c r="O46" s="70"/>
      <c r="P46" s="70"/>
      <c r="Q46" s="70"/>
      <c r="R46" s="70"/>
      <c r="S46" s="70"/>
      <c r="T46" s="71"/>
      <c r="U46" s="58"/>
      <c r="V46" s="58"/>
      <c r="W46" s="58"/>
      <c r="X46" s="58"/>
      <c r="Y46" s="58"/>
      <c r="Z46" s="58"/>
      <c r="AA46" s="58"/>
      <c r="AB46" s="58"/>
      <c r="AC46" s="58"/>
      <c r="AD46" s="58"/>
      <c r="AE46" s="58"/>
      <c r="AF46" s="58"/>
      <c r="AG46" s="58"/>
      <c r="AH46" s="58"/>
      <c r="AI46" s="111"/>
      <c r="AJ46" s="111"/>
      <c r="AK46" s="111"/>
      <c r="AL46" s="111"/>
      <c r="AM46" s="111"/>
      <c r="AN46" s="111"/>
      <c r="AO46" s="111"/>
      <c r="AP46" s="111"/>
      <c r="AQ46" s="111"/>
      <c r="AR46" s="111"/>
      <c r="AS46" s="111"/>
      <c r="AT46" s="111"/>
      <c r="AU46" s="111"/>
      <c r="AV46" s="111"/>
      <c r="AW46" s="111"/>
      <c r="AX46" s="111"/>
      <c r="AY46" s="111"/>
      <c r="AZ46" s="111"/>
      <c r="BA46" s="111"/>
      <c r="BB46" s="111"/>
      <c r="BC46" s="111"/>
      <c r="BD46" s="111"/>
      <c r="BE46" s="111"/>
      <c r="BF46" s="111"/>
      <c r="BG46" s="111"/>
      <c r="BH46" s="111"/>
      <c r="BI46" s="111"/>
      <c r="BJ46" s="111"/>
      <c r="BK46" s="111"/>
      <c r="BL46" s="111"/>
      <c r="BM46" s="111"/>
      <c r="BN46" s="111"/>
      <c r="BO46" s="111"/>
      <c r="BP46" s="111"/>
      <c r="BQ46" s="111"/>
      <c r="BR46" s="112" t="s">
        <v>744</v>
      </c>
      <c r="BS46" s="111"/>
      <c r="BT46" s="111"/>
      <c r="BU46" s="112"/>
      <c r="BV46" s="111"/>
      <c r="BW46" s="111"/>
      <c r="BX46" s="111"/>
      <c r="BY46" s="111"/>
      <c r="BZ46" s="71"/>
      <c r="CA46" s="71"/>
      <c r="CB46" s="71"/>
      <c r="CC46" s="70"/>
      <c r="CD46" s="70"/>
    </row>
    <row r="47" spans="2:82" ht="9" customHeight="1">
      <c r="B47" s="70"/>
      <c r="C47" s="70"/>
      <c r="D47" s="70"/>
      <c r="E47" s="58"/>
      <c r="F47" s="58"/>
      <c r="G47" s="70"/>
      <c r="H47" s="70"/>
      <c r="I47" s="70"/>
      <c r="J47" s="70"/>
      <c r="K47" s="70"/>
      <c r="L47" s="70"/>
      <c r="M47" s="3"/>
      <c r="N47" s="70"/>
      <c r="O47" s="70"/>
      <c r="P47" s="70"/>
      <c r="Q47" s="70"/>
      <c r="R47" s="70"/>
      <c r="S47" s="70"/>
      <c r="T47" s="71"/>
      <c r="U47" s="58"/>
      <c r="V47" s="58"/>
      <c r="W47" s="58"/>
      <c r="X47" s="58"/>
      <c r="Y47" s="58"/>
      <c r="Z47" s="58"/>
      <c r="AA47" s="58"/>
      <c r="AB47" s="58"/>
      <c r="AC47" s="58"/>
      <c r="AD47" s="58"/>
      <c r="AE47" s="58"/>
      <c r="AF47" s="58"/>
      <c r="AG47" s="58"/>
      <c r="AH47" s="58"/>
      <c r="AI47" s="111"/>
      <c r="AJ47" s="111"/>
      <c r="AK47" s="111"/>
      <c r="AL47" s="111"/>
      <c r="AM47" s="111"/>
      <c r="AN47" s="111"/>
      <c r="AO47" s="111"/>
      <c r="AP47" s="111"/>
      <c r="AQ47" s="111"/>
      <c r="AR47" s="111"/>
      <c r="AS47" s="111"/>
      <c r="AT47" s="111"/>
      <c r="AU47" s="111"/>
      <c r="AV47" s="111"/>
      <c r="AW47" s="111"/>
      <c r="AX47" s="111"/>
      <c r="AY47" s="111"/>
      <c r="AZ47" s="111"/>
      <c r="BA47" s="111"/>
      <c r="BB47" s="111"/>
      <c r="BC47" s="111"/>
      <c r="BD47" s="111"/>
      <c r="BE47" s="111"/>
      <c r="BF47" s="111"/>
      <c r="BG47" s="111"/>
      <c r="BH47" s="111"/>
      <c r="BI47" s="111"/>
      <c r="BJ47" s="111"/>
      <c r="BK47" s="111"/>
      <c r="BL47" s="111"/>
      <c r="BM47" s="111"/>
      <c r="BN47" s="111"/>
      <c r="BO47" s="111"/>
      <c r="BP47" s="111"/>
      <c r="BQ47" s="111"/>
      <c r="BR47" s="111"/>
      <c r="BS47" s="111"/>
      <c r="BT47" s="111"/>
      <c r="BU47" s="111"/>
      <c r="BV47" s="111"/>
      <c r="BW47" s="111"/>
      <c r="BX47" s="111"/>
      <c r="BY47" s="111"/>
      <c r="BZ47" s="71"/>
      <c r="CA47" s="71"/>
      <c r="CB47" s="71"/>
      <c r="CC47" s="70"/>
      <c r="CD47" s="70"/>
    </row>
    <row r="48" spans="2:82" ht="9" customHeight="1">
      <c r="B48" s="9"/>
      <c r="C48" s="10"/>
      <c r="D48" s="10"/>
      <c r="E48" s="9"/>
      <c r="F48" s="8"/>
      <c r="G48" s="9"/>
      <c r="H48" s="10"/>
      <c r="I48" s="10"/>
      <c r="J48" s="10"/>
      <c r="K48" s="10"/>
      <c r="L48" s="10"/>
      <c r="M48" s="10"/>
      <c r="N48" s="10"/>
      <c r="O48" s="10"/>
      <c r="P48" s="10"/>
      <c r="Q48" s="10"/>
      <c r="R48" s="10"/>
      <c r="S48" s="10"/>
      <c r="T48" s="10"/>
      <c r="U48" s="10"/>
      <c r="V48" s="8"/>
      <c r="W48" s="1241" t="s">
        <v>3</v>
      </c>
      <c r="X48" s="1180"/>
      <c r="Y48" s="1180"/>
      <c r="Z48" s="1180"/>
      <c r="AA48" s="1180"/>
      <c r="AB48" s="1180"/>
      <c r="AC48" s="1180"/>
      <c r="AD48" s="1242"/>
      <c r="AE48" s="1219" t="s">
        <v>213</v>
      </c>
      <c r="AF48" s="1172"/>
      <c r="AG48" s="1172"/>
      <c r="AH48" s="1172"/>
      <c r="AI48" s="1220"/>
      <c r="AJ48" s="1407" t="s">
        <v>215</v>
      </c>
      <c r="AK48" s="1408"/>
      <c r="AL48" s="87"/>
      <c r="AM48" s="85"/>
      <c r="AN48" s="1332" t="s">
        <v>216</v>
      </c>
      <c r="AO48" s="1332"/>
      <c r="AP48" s="1332"/>
      <c r="AQ48" s="1332"/>
      <c r="AR48" s="1332"/>
      <c r="AS48" s="1332"/>
      <c r="AT48" s="1332"/>
      <c r="AU48" s="1332"/>
      <c r="AV48" s="1332"/>
      <c r="AW48" s="85"/>
      <c r="AX48" s="88"/>
      <c r="AY48" s="1241" t="s">
        <v>15</v>
      </c>
      <c r="AZ48" s="1180"/>
      <c r="BA48" s="1180"/>
      <c r="BB48" s="1180"/>
      <c r="BC48" s="1180"/>
      <c r="BD48" s="1242"/>
      <c r="BE48" s="1241" t="s">
        <v>221</v>
      </c>
      <c r="BF48" s="1180"/>
      <c r="BG48" s="1180"/>
      <c r="BH48" s="1180"/>
      <c r="BI48" s="1180"/>
      <c r="BJ48" s="1180"/>
      <c r="BK48" s="1180"/>
      <c r="BL48" s="1242"/>
      <c r="BM48" s="1284" t="s">
        <v>20</v>
      </c>
      <c r="BN48" s="10"/>
      <c r="BO48" s="1180" t="s">
        <v>19</v>
      </c>
      <c r="BP48" s="1180"/>
      <c r="BQ48" s="1180"/>
      <c r="BR48" s="1180"/>
      <c r="BS48" s="1180"/>
      <c r="BT48" s="1180"/>
      <c r="BU48" s="1180"/>
      <c r="BV48" s="1180"/>
      <c r="BW48" s="1180"/>
      <c r="BX48" s="1180"/>
      <c r="BY48" s="1180"/>
      <c r="BZ48" s="1242"/>
      <c r="CA48" s="1413" t="s">
        <v>21</v>
      </c>
      <c r="CB48" s="1409" t="s">
        <v>22</v>
      </c>
    </row>
    <row r="49" spans="2:82" ht="9" customHeight="1">
      <c r="B49" s="1230" t="s">
        <v>0</v>
      </c>
      <c r="C49" s="1170"/>
      <c r="D49" s="1171"/>
      <c r="E49" s="1232" t="s">
        <v>1</v>
      </c>
      <c r="F49" s="1402"/>
      <c r="G49" s="1235" t="s">
        <v>210</v>
      </c>
      <c r="H49" s="1177"/>
      <c r="I49" s="1177"/>
      <c r="J49" s="1177"/>
      <c r="K49" s="1177"/>
      <c r="L49" s="1177"/>
      <c r="M49" s="1177"/>
      <c r="N49" s="1177"/>
      <c r="O49" s="1177"/>
      <c r="P49" s="1177"/>
      <c r="Q49" s="1177"/>
      <c r="R49" s="1177"/>
      <c r="S49" s="1177"/>
      <c r="T49" s="1177"/>
      <c r="U49" s="1177"/>
      <c r="V49" s="1236"/>
      <c r="W49" s="1235"/>
      <c r="X49" s="1177"/>
      <c r="Y49" s="1177"/>
      <c r="Z49" s="1177"/>
      <c r="AA49" s="1177"/>
      <c r="AB49" s="1177"/>
      <c r="AC49" s="1177"/>
      <c r="AD49" s="1236"/>
      <c r="AE49" s="1221"/>
      <c r="AF49" s="886"/>
      <c r="AG49" s="886"/>
      <c r="AH49" s="886"/>
      <c r="AI49" s="1190"/>
      <c r="AJ49" s="1228"/>
      <c r="AK49" s="1229"/>
      <c r="AL49" s="82"/>
      <c r="AM49" s="58"/>
      <c r="AN49" s="1333"/>
      <c r="AO49" s="1333"/>
      <c r="AP49" s="1333"/>
      <c r="AQ49" s="1333"/>
      <c r="AR49" s="1333"/>
      <c r="AS49" s="1333"/>
      <c r="AT49" s="1333"/>
      <c r="AU49" s="1333"/>
      <c r="AV49" s="1333"/>
      <c r="AW49" s="58"/>
      <c r="AX49" s="67"/>
      <c r="AY49" s="1243"/>
      <c r="AZ49" s="1244"/>
      <c r="BA49" s="1244"/>
      <c r="BB49" s="1244"/>
      <c r="BC49" s="1244"/>
      <c r="BD49" s="1245"/>
      <c r="BE49" s="1235"/>
      <c r="BF49" s="1177"/>
      <c r="BG49" s="1177"/>
      <c r="BH49" s="1177"/>
      <c r="BI49" s="1177"/>
      <c r="BJ49" s="1177"/>
      <c r="BK49" s="1177"/>
      <c r="BL49" s="1236"/>
      <c r="BM49" s="1285"/>
      <c r="BN49" s="3"/>
      <c r="BO49" s="1177"/>
      <c r="BP49" s="1177"/>
      <c r="BQ49" s="1177"/>
      <c r="BR49" s="1177"/>
      <c r="BS49" s="1177"/>
      <c r="BT49" s="1177"/>
      <c r="BU49" s="1177"/>
      <c r="BV49" s="1177"/>
      <c r="BW49" s="1177"/>
      <c r="BX49" s="1177"/>
      <c r="BY49" s="1177"/>
      <c r="BZ49" s="1236"/>
      <c r="CA49" s="1414"/>
      <c r="CB49" s="1410"/>
    </row>
    <row r="50" spans="2:82" ht="9" customHeight="1">
      <c r="B50" s="1231"/>
      <c r="C50" s="1170"/>
      <c r="D50" s="1171"/>
      <c r="E50" s="1202"/>
      <c r="F50" s="1402"/>
      <c r="G50" s="1235"/>
      <c r="H50" s="1177"/>
      <c r="I50" s="1177"/>
      <c r="J50" s="1177"/>
      <c r="K50" s="1177"/>
      <c r="L50" s="1177"/>
      <c r="M50" s="1177"/>
      <c r="N50" s="1177"/>
      <c r="O50" s="1177"/>
      <c r="P50" s="1177"/>
      <c r="Q50" s="1177"/>
      <c r="R50" s="1177"/>
      <c r="S50" s="1177"/>
      <c r="T50" s="1177"/>
      <c r="U50" s="1177"/>
      <c r="V50" s="1236"/>
      <c r="W50" s="2"/>
      <c r="X50" s="1211" t="s">
        <v>211</v>
      </c>
      <c r="Y50" s="1211"/>
      <c r="Z50" s="1211"/>
      <c r="AA50" s="1211"/>
      <c r="AB50" s="3"/>
      <c r="AC50" s="1200" t="s">
        <v>212</v>
      </c>
      <c r="AD50" s="1403"/>
      <c r="AE50" s="1231" t="s">
        <v>214</v>
      </c>
      <c r="AF50" s="1170"/>
      <c r="AG50" s="1171"/>
      <c r="AH50" s="1200" t="s">
        <v>212</v>
      </c>
      <c r="AI50" s="1403"/>
      <c r="AJ50" s="1228"/>
      <c r="AK50" s="1229"/>
      <c r="AL50" s="82"/>
      <c r="AM50" s="58"/>
      <c r="AN50" s="1333" t="s">
        <v>217</v>
      </c>
      <c r="AO50" s="1333"/>
      <c r="AP50" s="1333"/>
      <c r="AQ50" s="1333"/>
      <c r="AR50" s="1333"/>
      <c r="AS50" s="1333"/>
      <c r="AT50" s="1333"/>
      <c r="AU50" s="1333"/>
      <c r="AV50" s="1333"/>
      <c r="AW50" s="58"/>
      <c r="AX50" s="67"/>
      <c r="AY50" s="1324" t="s">
        <v>218</v>
      </c>
      <c r="AZ50" s="1328"/>
      <c r="BA50" s="1324" t="s">
        <v>219</v>
      </c>
      <c r="BB50" s="1328"/>
      <c r="BC50" s="1324" t="s">
        <v>220</v>
      </c>
      <c r="BD50" s="1328"/>
      <c r="BE50" s="1235" t="s">
        <v>18</v>
      </c>
      <c r="BF50" s="1177"/>
      <c r="BG50" s="1177"/>
      <c r="BH50" s="1177"/>
      <c r="BI50" s="1177"/>
      <c r="BJ50" s="1177"/>
      <c r="BK50" s="1177"/>
      <c r="BL50" s="1236"/>
      <c r="BM50" s="1285"/>
      <c r="BN50" s="1411"/>
      <c r="BO50" s="1235" t="s">
        <v>222</v>
      </c>
      <c r="BP50" s="1177"/>
      <c r="BQ50" s="1177"/>
      <c r="BR50" s="1177"/>
      <c r="BS50" s="1177"/>
      <c r="BT50" s="1177"/>
      <c r="BU50" s="1177"/>
      <c r="BV50" s="1177"/>
      <c r="BW50" s="1177"/>
      <c r="BX50" s="1177"/>
      <c r="BY50" s="1177"/>
      <c r="BZ50" s="1236"/>
      <c r="CA50" s="1414"/>
      <c r="CB50" s="1410"/>
    </row>
    <row r="51" spans="2:82" ht="9" customHeight="1">
      <c r="B51" s="1231"/>
      <c r="C51" s="1170"/>
      <c r="D51" s="1171"/>
      <c r="E51" s="1202"/>
      <c r="F51" s="1402"/>
      <c r="G51" s="2"/>
      <c r="H51" s="3"/>
      <c r="I51" s="3"/>
      <c r="J51" s="3"/>
      <c r="K51" s="3"/>
      <c r="L51" s="3"/>
      <c r="M51" s="3"/>
      <c r="N51" s="3"/>
      <c r="O51" s="3"/>
      <c r="P51" s="3"/>
      <c r="Q51" s="3"/>
      <c r="R51" s="3"/>
      <c r="S51" s="3"/>
      <c r="T51" s="3"/>
      <c r="U51" s="3"/>
      <c r="V51" s="38"/>
      <c r="W51" s="2"/>
      <c r="X51" s="1211"/>
      <c r="Y51" s="1211"/>
      <c r="Z51" s="1211"/>
      <c r="AA51" s="1211"/>
      <c r="AB51" s="3"/>
      <c r="AC51" s="1202"/>
      <c r="AD51" s="1402"/>
      <c r="AE51" s="1231"/>
      <c r="AF51" s="1170"/>
      <c r="AG51" s="1171"/>
      <c r="AH51" s="1202"/>
      <c r="AI51" s="1402"/>
      <c r="AJ51" s="1228"/>
      <c r="AK51" s="1229"/>
      <c r="AL51" s="82"/>
      <c r="AM51" s="58"/>
      <c r="AN51" s="1333"/>
      <c r="AO51" s="1333"/>
      <c r="AP51" s="1333"/>
      <c r="AQ51" s="1333"/>
      <c r="AR51" s="1333"/>
      <c r="AS51" s="1333"/>
      <c r="AT51" s="1333"/>
      <c r="AU51" s="1333"/>
      <c r="AV51" s="1333"/>
      <c r="AW51" s="58"/>
      <c r="AX51" s="67"/>
      <c r="AY51" s="1326"/>
      <c r="AZ51" s="1329"/>
      <c r="BA51" s="1326"/>
      <c r="BB51" s="1329"/>
      <c r="BC51" s="1326"/>
      <c r="BD51" s="1329"/>
      <c r="BE51" s="1235"/>
      <c r="BF51" s="1177"/>
      <c r="BG51" s="1177"/>
      <c r="BH51" s="1177"/>
      <c r="BI51" s="1177"/>
      <c r="BJ51" s="1177"/>
      <c r="BK51" s="1177"/>
      <c r="BL51" s="1236"/>
      <c r="BM51" s="1285"/>
      <c r="BN51" s="1412"/>
      <c r="BO51" s="1235"/>
      <c r="BP51" s="1177"/>
      <c r="BQ51" s="1177"/>
      <c r="BR51" s="1177"/>
      <c r="BS51" s="1177"/>
      <c r="BT51" s="1177"/>
      <c r="BU51" s="1177"/>
      <c r="BV51" s="1177"/>
      <c r="BW51" s="1177"/>
      <c r="BX51" s="1177"/>
      <c r="BY51" s="1177"/>
      <c r="BZ51" s="1236"/>
      <c r="CA51" s="1414"/>
      <c r="CB51" s="1410"/>
    </row>
    <row r="52" spans="2:82" s="102" customFormat="1" ht="8.25" customHeight="1">
      <c r="B52" s="14"/>
      <c r="C52" s="16"/>
      <c r="D52" s="16"/>
      <c r="E52" s="14"/>
      <c r="F52" s="66"/>
      <c r="G52" s="14"/>
      <c r="H52" s="16"/>
      <c r="I52" s="16"/>
      <c r="J52" s="16"/>
      <c r="K52" s="16"/>
      <c r="L52" s="16"/>
      <c r="M52" s="16"/>
      <c r="N52" s="16"/>
      <c r="O52" s="16"/>
      <c r="P52" s="16"/>
      <c r="Q52" s="16"/>
      <c r="R52" s="16"/>
      <c r="S52" s="16"/>
      <c r="T52" s="16"/>
      <c r="U52" s="16"/>
      <c r="V52" s="66"/>
      <c r="W52" s="14"/>
      <c r="X52" s="16"/>
      <c r="Y52" s="16"/>
      <c r="Z52" s="16"/>
      <c r="AA52" s="16"/>
      <c r="AB52" s="16"/>
      <c r="AC52" s="14"/>
      <c r="AD52" s="66"/>
      <c r="AE52" s="14"/>
      <c r="AF52" s="16"/>
      <c r="AG52" s="16"/>
      <c r="AH52" s="14"/>
      <c r="AI52" s="66"/>
      <c r="AJ52" s="1335"/>
      <c r="AK52" s="1334"/>
      <c r="AL52" s="14"/>
      <c r="AM52" s="16"/>
      <c r="AN52" s="16"/>
      <c r="AO52" s="16"/>
      <c r="AP52" s="16"/>
      <c r="AQ52" s="16"/>
      <c r="AR52" s="16"/>
      <c r="AS52" s="16"/>
      <c r="AT52" s="16"/>
      <c r="AU52" s="16"/>
      <c r="AV52" s="16"/>
      <c r="AW52" s="16"/>
      <c r="AX52" s="16"/>
      <c r="AY52" s="1335"/>
      <c r="AZ52" s="1334"/>
      <c r="BA52" s="1335"/>
      <c r="BB52" s="1334"/>
      <c r="BC52" s="14"/>
      <c r="BD52" s="66"/>
      <c r="BE52" s="14"/>
      <c r="BF52" s="16"/>
      <c r="BG52" s="16"/>
      <c r="BH52" s="16"/>
      <c r="BI52" s="16"/>
      <c r="BJ52" s="16"/>
      <c r="BK52" s="16"/>
      <c r="BL52" s="66"/>
      <c r="BM52" s="15"/>
      <c r="BN52" s="15"/>
      <c r="BO52" s="16"/>
      <c r="BP52" s="16"/>
      <c r="BQ52" s="16"/>
      <c r="BR52" s="16"/>
      <c r="BS52" s="16"/>
      <c r="BT52" s="16"/>
      <c r="BU52" s="16"/>
      <c r="BV52" s="16"/>
      <c r="BW52" s="16"/>
      <c r="BX52" s="16"/>
      <c r="BY52" s="16"/>
      <c r="BZ52" s="16"/>
      <c r="CA52" s="1335"/>
      <c r="CB52" s="1334"/>
      <c r="CC52" s="40"/>
      <c r="CD52" s="40"/>
    </row>
    <row r="53" spans="2:82" ht="15" customHeight="1">
      <c r="B53" s="1364" t="s">
        <v>250</v>
      </c>
      <c r="C53" s="1365"/>
      <c r="D53" s="1366"/>
      <c r="E53" s="1276" t="s">
        <v>49</v>
      </c>
      <c r="F53" s="1415"/>
      <c r="G53" s="1241" t="s">
        <v>27</v>
      </c>
      <c r="H53" s="1180"/>
      <c r="I53" s="1180" t="s">
        <v>28</v>
      </c>
      <c r="J53" s="1180"/>
      <c r="K53" s="1180" t="s">
        <v>29</v>
      </c>
      <c r="L53" s="1180"/>
      <c r="M53" s="1180" t="s">
        <v>332</v>
      </c>
      <c r="N53" s="1180"/>
      <c r="O53" s="1180" t="s">
        <v>333</v>
      </c>
      <c r="P53" s="1180"/>
      <c r="Q53" s="1180" t="s">
        <v>228</v>
      </c>
      <c r="R53" s="1180"/>
      <c r="S53" s="1180" t="s">
        <v>228</v>
      </c>
      <c r="T53" s="1180"/>
      <c r="U53" s="1180" t="s">
        <v>228</v>
      </c>
      <c r="V53" s="1242"/>
      <c r="W53" s="1419" t="s">
        <v>252</v>
      </c>
      <c r="X53" s="1273"/>
      <c r="Y53" s="1273"/>
      <c r="Z53" s="1273"/>
      <c r="AA53" s="1273"/>
      <c r="AB53" s="1274"/>
      <c r="AC53" s="1276" t="s">
        <v>51</v>
      </c>
      <c r="AD53" s="1415"/>
      <c r="AE53" s="1421" t="s">
        <v>251</v>
      </c>
      <c r="AF53" s="1378"/>
      <c r="AG53" s="1379"/>
      <c r="AH53" s="1276" t="s">
        <v>288</v>
      </c>
      <c r="AI53" s="1415"/>
      <c r="AJ53" s="1419">
        <v>1</v>
      </c>
      <c r="AK53" s="1274"/>
      <c r="AL53" s="87">
        <v>1</v>
      </c>
      <c r="AM53" s="85">
        <v>4</v>
      </c>
      <c r="AN53" s="85" t="s">
        <v>230</v>
      </c>
      <c r="AO53" s="85" t="s">
        <v>231</v>
      </c>
      <c r="AP53" s="85">
        <v>2</v>
      </c>
      <c r="AQ53" s="85">
        <v>2</v>
      </c>
      <c r="AR53" s="85">
        <v>1</v>
      </c>
      <c r="AS53" s="85" t="s">
        <v>232</v>
      </c>
      <c r="AT53" s="85">
        <v>2</v>
      </c>
      <c r="AU53" s="85">
        <v>2</v>
      </c>
      <c r="AV53" s="85">
        <v>2</v>
      </c>
      <c r="AW53" s="85">
        <v>2</v>
      </c>
      <c r="AX53" s="88">
        <v>1</v>
      </c>
      <c r="AY53" s="1241">
        <v>5</v>
      </c>
      <c r="AZ53" s="1242"/>
      <c r="BA53" s="1241">
        <v>1</v>
      </c>
      <c r="BB53" s="1242"/>
      <c r="BC53" s="1241">
        <v>40</v>
      </c>
      <c r="BD53" s="1242"/>
      <c r="BE53" s="1416"/>
      <c r="BF53" s="1278"/>
      <c r="BG53" s="1278"/>
      <c r="BH53" s="1278"/>
      <c r="BI53" s="1278"/>
      <c r="BJ53" s="1278"/>
      <c r="BK53" s="1278"/>
      <c r="BL53" s="1279"/>
      <c r="BM53" s="94">
        <v>3</v>
      </c>
      <c r="BN53" s="94">
        <v>0</v>
      </c>
      <c r="BO53" s="1416"/>
      <c r="BP53" s="1278"/>
      <c r="BQ53" s="1278"/>
      <c r="BR53" s="1278"/>
      <c r="BS53" s="1278"/>
      <c r="BT53" s="1278"/>
      <c r="BU53" s="1278"/>
      <c r="BV53" s="1278"/>
      <c r="BW53" s="1278"/>
      <c r="BX53" s="1278"/>
      <c r="BY53" s="1278"/>
      <c r="BZ53" s="1279"/>
      <c r="CA53" s="1241">
        <v>2</v>
      </c>
      <c r="CB53" s="1242"/>
      <c r="CC53" s="70"/>
      <c r="CD53" s="70"/>
    </row>
    <row r="54" spans="2:82" ht="9" customHeight="1">
      <c r="B54" s="80"/>
      <c r="C54" s="80"/>
      <c r="D54" s="80"/>
      <c r="E54" s="80"/>
      <c r="F54" s="81"/>
      <c r="G54" s="1416"/>
      <c r="H54" s="1258"/>
      <c r="I54" s="1263"/>
      <c r="J54" s="1258"/>
      <c r="K54" s="1263"/>
      <c r="L54" s="1258"/>
      <c r="M54" s="1263"/>
      <c r="N54" s="1258"/>
      <c r="O54" s="1263"/>
      <c r="P54" s="1258"/>
      <c r="Q54" s="1263"/>
      <c r="R54" s="1258"/>
      <c r="S54" s="1263"/>
      <c r="T54" s="1258"/>
      <c r="U54" s="1263"/>
      <c r="V54" s="1279"/>
      <c r="W54" s="1416"/>
      <c r="X54" s="1278"/>
      <c r="Y54" s="1278"/>
      <c r="Z54" s="1278"/>
      <c r="AA54" s="1278"/>
      <c r="AB54" s="1279"/>
      <c r="AC54" s="1336"/>
      <c r="AD54" s="1353"/>
      <c r="AE54" s="1416"/>
      <c r="AF54" s="1278"/>
      <c r="AG54" s="1279"/>
      <c r="AH54" s="1336"/>
      <c r="AI54" s="1353"/>
      <c r="AJ54" s="1416"/>
      <c r="AK54" s="1279"/>
      <c r="AL54" s="1336"/>
      <c r="AM54" s="1319"/>
      <c r="AN54" s="1353"/>
      <c r="AO54" s="1338"/>
      <c r="AP54" s="1336"/>
      <c r="AQ54" s="1263"/>
      <c r="AR54" s="1279"/>
      <c r="AS54" s="1338"/>
      <c r="AT54" s="1336"/>
      <c r="AU54" s="1319"/>
      <c r="AV54" s="1319"/>
      <c r="AW54" s="1319"/>
      <c r="AX54" s="1353"/>
      <c r="AY54" s="1416"/>
      <c r="AZ54" s="1279"/>
      <c r="BA54" s="1416"/>
      <c r="BB54" s="1279"/>
      <c r="BC54" s="1336"/>
      <c r="BD54" s="1353"/>
      <c r="BE54" s="1417"/>
      <c r="BF54" s="1211"/>
      <c r="BG54" s="1211"/>
      <c r="BH54" s="1211"/>
      <c r="BI54" s="1211"/>
      <c r="BJ54" s="1211"/>
      <c r="BK54" s="1211"/>
      <c r="BL54" s="1280"/>
      <c r="BM54" s="1338"/>
      <c r="BN54" s="1338"/>
      <c r="BO54" s="1417"/>
      <c r="BP54" s="1211"/>
      <c r="BQ54" s="1211"/>
      <c r="BR54" s="1211"/>
      <c r="BS54" s="1211"/>
      <c r="BT54" s="1211"/>
      <c r="BU54" s="1211"/>
      <c r="BV54" s="1211"/>
      <c r="BW54" s="1211"/>
      <c r="BX54" s="1211"/>
      <c r="BY54" s="1211"/>
      <c r="BZ54" s="1280"/>
      <c r="CA54" s="1416"/>
      <c r="CB54" s="1279"/>
      <c r="CC54" s="70"/>
      <c r="CD54" s="70"/>
    </row>
    <row r="55" spans="2:82" ht="9" customHeight="1">
      <c r="B55" s="70"/>
      <c r="C55" s="70"/>
      <c r="D55" s="70"/>
      <c r="E55" s="70"/>
      <c r="F55" s="70"/>
      <c r="G55" s="1417"/>
      <c r="H55" s="1260"/>
      <c r="I55" s="1265"/>
      <c r="J55" s="1260"/>
      <c r="K55" s="1265"/>
      <c r="L55" s="1260"/>
      <c r="M55" s="1265"/>
      <c r="N55" s="1260"/>
      <c r="O55" s="1265"/>
      <c r="P55" s="1260"/>
      <c r="Q55" s="1265"/>
      <c r="R55" s="1260"/>
      <c r="S55" s="1265"/>
      <c r="T55" s="1260"/>
      <c r="U55" s="1265"/>
      <c r="V55" s="1280"/>
      <c r="W55" s="1417"/>
      <c r="X55" s="1211"/>
      <c r="Y55" s="1211"/>
      <c r="Z55" s="1211"/>
      <c r="AA55" s="1211"/>
      <c r="AB55" s="1280"/>
      <c r="AC55" s="1337"/>
      <c r="AD55" s="1354"/>
      <c r="AE55" s="1417"/>
      <c r="AF55" s="1211"/>
      <c r="AG55" s="1280"/>
      <c r="AH55" s="1337"/>
      <c r="AI55" s="1354"/>
      <c r="AJ55" s="1417"/>
      <c r="AK55" s="1280"/>
      <c r="AL55" s="1337"/>
      <c r="AM55" s="1320"/>
      <c r="AN55" s="1354"/>
      <c r="AO55" s="1339"/>
      <c r="AP55" s="1337"/>
      <c r="AQ55" s="1265"/>
      <c r="AR55" s="1280"/>
      <c r="AS55" s="1339"/>
      <c r="AT55" s="1337"/>
      <c r="AU55" s="1320"/>
      <c r="AV55" s="1320"/>
      <c r="AW55" s="1320"/>
      <c r="AX55" s="1354"/>
      <c r="AY55" s="1417"/>
      <c r="AZ55" s="1280"/>
      <c r="BA55" s="1417"/>
      <c r="BB55" s="1280"/>
      <c r="BC55" s="1337"/>
      <c r="BD55" s="1354"/>
      <c r="BE55" s="1417"/>
      <c r="BF55" s="1211"/>
      <c r="BG55" s="1211"/>
      <c r="BH55" s="1211"/>
      <c r="BI55" s="1211"/>
      <c r="BJ55" s="1211"/>
      <c r="BK55" s="1211"/>
      <c r="BL55" s="1280"/>
      <c r="BM55" s="1339"/>
      <c r="BN55" s="1339"/>
      <c r="BO55" s="1417"/>
      <c r="BP55" s="1211"/>
      <c r="BQ55" s="1211"/>
      <c r="BR55" s="1211"/>
      <c r="BS55" s="1211"/>
      <c r="BT55" s="1211"/>
      <c r="BU55" s="1211"/>
      <c r="BV55" s="1211"/>
      <c r="BW55" s="1211"/>
      <c r="BX55" s="1211"/>
      <c r="BY55" s="1211"/>
      <c r="BZ55" s="1280"/>
      <c r="CA55" s="1417"/>
      <c r="CB55" s="1280"/>
      <c r="CC55" s="71"/>
      <c r="CD55" s="71"/>
    </row>
    <row r="56" spans="2:82" ht="9" customHeight="1">
      <c r="B56" s="74"/>
      <c r="C56" s="74"/>
      <c r="D56" s="74"/>
      <c r="E56" s="74"/>
      <c r="F56" s="74"/>
      <c r="G56" s="1418"/>
      <c r="H56" s="1372"/>
      <c r="I56" s="1271"/>
      <c r="J56" s="1372"/>
      <c r="K56" s="1271"/>
      <c r="L56" s="1372"/>
      <c r="M56" s="1271"/>
      <c r="N56" s="1372"/>
      <c r="O56" s="1271"/>
      <c r="P56" s="1372"/>
      <c r="Q56" s="1271"/>
      <c r="R56" s="1372"/>
      <c r="S56" s="1271"/>
      <c r="T56" s="1372"/>
      <c r="U56" s="1271"/>
      <c r="V56" s="1367"/>
      <c r="W56" s="1418"/>
      <c r="X56" s="1377"/>
      <c r="Y56" s="1377"/>
      <c r="Z56" s="1377"/>
      <c r="AA56" s="1377"/>
      <c r="AB56" s="1367"/>
      <c r="AC56" s="1361"/>
      <c r="AD56" s="1420"/>
      <c r="AE56" s="1418"/>
      <c r="AF56" s="1377"/>
      <c r="AG56" s="1367"/>
      <c r="AH56" s="1361"/>
      <c r="AI56" s="1420"/>
      <c r="AJ56" s="1418"/>
      <c r="AK56" s="1367"/>
      <c r="AL56" s="1361"/>
      <c r="AM56" s="1320"/>
      <c r="AN56" s="1354"/>
      <c r="AO56" s="1339"/>
      <c r="AP56" s="1337"/>
      <c r="AQ56" s="1265"/>
      <c r="AR56" s="1367"/>
      <c r="AS56" s="1362"/>
      <c r="AT56" s="1361"/>
      <c r="AU56" s="1321"/>
      <c r="AV56" s="1321"/>
      <c r="AW56" s="1321"/>
      <c r="AX56" s="1420"/>
      <c r="AY56" s="1418"/>
      <c r="AZ56" s="1367"/>
      <c r="BA56" s="1418"/>
      <c r="BB56" s="1367"/>
      <c r="BC56" s="1361"/>
      <c r="BD56" s="1420"/>
      <c r="BE56" s="1418"/>
      <c r="BF56" s="1377"/>
      <c r="BG56" s="1377"/>
      <c r="BH56" s="1377"/>
      <c r="BI56" s="1377"/>
      <c r="BJ56" s="1377"/>
      <c r="BK56" s="1377"/>
      <c r="BL56" s="1367"/>
      <c r="BM56" s="1362"/>
      <c r="BN56" s="1362"/>
      <c r="BO56" s="1418"/>
      <c r="BP56" s="1377"/>
      <c r="BQ56" s="1377"/>
      <c r="BR56" s="1377"/>
      <c r="BS56" s="1377"/>
      <c r="BT56" s="1377"/>
      <c r="BU56" s="1377"/>
      <c r="BV56" s="1377"/>
      <c r="BW56" s="1377"/>
      <c r="BX56" s="1377"/>
      <c r="BY56" s="1377"/>
      <c r="BZ56" s="1367"/>
      <c r="CA56" s="1418"/>
      <c r="CB56" s="1367"/>
      <c r="CC56" s="71"/>
      <c r="CD56" s="71"/>
    </row>
    <row r="57" spans="2:82" ht="9" customHeight="1">
      <c r="B57" s="74"/>
      <c r="C57" s="74"/>
      <c r="D57" s="74"/>
      <c r="E57" s="74"/>
      <c r="F57" s="74"/>
      <c r="G57" s="70"/>
      <c r="H57" s="70"/>
      <c r="I57" s="58"/>
      <c r="J57" s="58"/>
      <c r="K57" s="58"/>
      <c r="L57" s="58"/>
      <c r="M57" s="58"/>
      <c r="N57" s="58"/>
      <c r="O57" s="58"/>
      <c r="P57" s="58"/>
      <c r="Q57" s="58"/>
      <c r="R57" s="58"/>
      <c r="S57" s="58"/>
      <c r="T57" s="58"/>
      <c r="U57" s="70"/>
      <c r="V57" s="70"/>
      <c r="W57" s="58"/>
      <c r="X57" s="58"/>
      <c r="Y57" s="58"/>
      <c r="Z57" s="58"/>
      <c r="AA57" s="58"/>
      <c r="AB57" s="58"/>
      <c r="AC57" s="58"/>
      <c r="AD57" s="58"/>
      <c r="AE57" s="58"/>
      <c r="AF57" s="58"/>
      <c r="AG57" s="75"/>
      <c r="AH57" s="75"/>
      <c r="AI57" s="75"/>
      <c r="AJ57" s="75"/>
      <c r="AK57" s="58"/>
      <c r="AL57" s="80"/>
      <c r="AM57" s="85"/>
      <c r="AN57" s="85"/>
      <c r="AO57" s="86"/>
      <c r="AP57" s="85"/>
      <c r="AQ57" s="85"/>
      <c r="AR57" s="80"/>
      <c r="AS57" s="58"/>
      <c r="AT57" s="58"/>
      <c r="AU57" s="58"/>
      <c r="AV57" s="58"/>
      <c r="AW57" s="58"/>
      <c r="AX57" s="58"/>
      <c r="AY57" s="58"/>
      <c r="AZ57" s="58"/>
      <c r="BA57" s="58"/>
      <c r="BB57" s="58"/>
      <c r="BC57" s="71"/>
      <c r="BD57" s="71"/>
      <c r="BE57" s="71"/>
      <c r="BF57" s="71"/>
      <c r="BG57" s="71"/>
      <c r="BH57" s="71"/>
      <c r="BI57" s="58"/>
      <c r="BJ57" s="58"/>
      <c r="BK57" s="58"/>
      <c r="BL57" s="58"/>
      <c r="BM57" s="58"/>
      <c r="BN57" s="58"/>
      <c r="BO57" s="58"/>
      <c r="BP57" s="71"/>
      <c r="BQ57" s="71"/>
      <c r="BR57" s="58"/>
      <c r="BS57" s="58"/>
      <c r="BT57" s="58"/>
      <c r="BU57" s="58"/>
      <c r="BV57" s="58"/>
      <c r="BW57" s="58"/>
      <c r="BX57" s="58"/>
      <c r="BY57" s="58"/>
      <c r="BZ57" s="58"/>
      <c r="CA57" s="58"/>
      <c r="CB57" s="58"/>
      <c r="CC57" s="71"/>
      <c r="CD57" s="71"/>
    </row>
    <row r="58" spans="2:82" ht="9" customHeight="1">
      <c r="B58" s="74"/>
      <c r="C58" s="74"/>
      <c r="D58" s="74"/>
      <c r="E58" s="95"/>
      <c r="F58" s="96"/>
      <c r="G58" s="79"/>
      <c r="H58" s="80"/>
      <c r="I58" s="85"/>
      <c r="J58" s="85"/>
      <c r="K58" s="85"/>
      <c r="L58" s="85"/>
      <c r="M58" s="85"/>
      <c r="N58" s="85"/>
      <c r="O58" s="85"/>
      <c r="P58" s="85"/>
      <c r="Q58" s="85"/>
      <c r="R58" s="85"/>
      <c r="S58" s="88"/>
      <c r="T58" s="1422" t="s">
        <v>123</v>
      </c>
      <c r="U58" s="1241" t="s">
        <v>124</v>
      </c>
      <c r="V58" s="1180"/>
      <c r="W58" s="1180"/>
      <c r="X58" s="1180"/>
      <c r="Y58" s="1180"/>
      <c r="Z58" s="1180"/>
      <c r="AA58" s="1242"/>
      <c r="AB58" s="1241" t="s">
        <v>125</v>
      </c>
      <c r="AC58" s="1180"/>
      <c r="AD58" s="1180"/>
      <c r="AE58" s="1180"/>
      <c r="AF58" s="1180"/>
      <c r="AG58" s="1180"/>
      <c r="AH58" s="1242"/>
      <c r="AI58" s="1423" t="s">
        <v>237</v>
      </c>
      <c r="AJ58" s="1357"/>
      <c r="AK58" s="1357"/>
      <c r="AL58" s="1357"/>
      <c r="AM58" s="1357"/>
      <c r="AN58" s="1357"/>
      <c r="AO58" s="1358"/>
      <c r="AP58" s="87"/>
      <c r="AQ58" s="85"/>
      <c r="AR58" s="85"/>
      <c r="AS58" s="85"/>
      <c r="AT58" s="85"/>
      <c r="AU58" s="85"/>
      <c r="AV58" s="88"/>
      <c r="AW58" s="87"/>
      <c r="AX58" s="85"/>
      <c r="AY58" s="85"/>
      <c r="AZ58" s="85"/>
      <c r="BA58" s="85"/>
      <c r="BB58" s="85"/>
      <c r="BC58" s="97"/>
      <c r="BD58" s="98"/>
      <c r="BE58" s="86"/>
      <c r="BF58" s="86"/>
      <c r="BG58" s="86"/>
      <c r="BH58" s="86"/>
      <c r="BI58" s="85"/>
      <c r="BJ58" s="88"/>
      <c r="BK58" s="87"/>
      <c r="BL58" s="85"/>
      <c r="BM58" s="85"/>
      <c r="BN58" s="85"/>
      <c r="BO58" s="85"/>
      <c r="BP58" s="86"/>
      <c r="BQ58" s="97"/>
      <c r="BR58" s="1241" t="s">
        <v>128</v>
      </c>
      <c r="BS58" s="1180"/>
      <c r="BT58" s="1180"/>
      <c r="BU58" s="1180"/>
      <c r="BV58" s="1180"/>
      <c r="BW58" s="1180"/>
      <c r="BX58" s="1180"/>
      <c r="BY58" s="1242"/>
      <c r="BZ58" s="1284" t="s">
        <v>234</v>
      </c>
      <c r="CA58" s="58"/>
      <c r="CB58" s="58"/>
      <c r="CC58" s="71"/>
      <c r="CD58" s="71"/>
    </row>
    <row r="59" spans="2:82" ht="9" customHeight="1">
      <c r="B59" s="74"/>
      <c r="C59" s="74"/>
      <c r="D59" s="74"/>
      <c r="E59" s="1232" t="s">
        <v>1</v>
      </c>
      <c r="F59" s="1402"/>
      <c r="G59" s="1235" t="s">
        <v>233</v>
      </c>
      <c r="H59" s="1177"/>
      <c r="I59" s="1177"/>
      <c r="J59" s="1177"/>
      <c r="K59" s="1177"/>
      <c r="L59" s="1177"/>
      <c r="M59" s="1177"/>
      <c r="N59" s="1177"/>
      <c r="O59" s="1177"/>
      <c r="P59" s="1177"/>
      <c r="Q59" s="1177"/>
      <c r="R59" s="1177"/>
      <c r="S59" s="1236"/>
      <c r="T59" s="1395"/>
      <c r="U59" s="1243"/>
      <c r="V59" s="1244"/>
      <c r="W59" s="1244"/>
      <c r="X59" s="1244"/>
      <c r="Y59" s="1244"/>
      <c r="Z59" s="1244"/>
      <c r="AA59" s="1245"/>
      <c r="AB59" s="1243"/>
      <c r="AC59" s="1244"/>
      <c r="AD59" s="1244"/>
      <c r="AE59" s="1244"/>
      <c r="AF59" s="1244"/>
      <c r="AG59" s="1244"/>
      <c r="AH59" s="1245"/>
      <c r="AI59" s="1424"/>
      <c r="AJ59" s="1359"/>
      <c r="AK59" s="1359"/>
      <c r="AL59" s="1359"/>
      <c r="AM59" s="1359"/>
      <c r="AN59" s="1359"/>
      <c r="AO59" s="1360"/>
      <c r="AP59" s="1235" t="s">
        <v>134</v>
      </c>
      <c r="AQ59" s="1177"/>
      <c r="AR59" s="1177"/>
      <c r="AS59" s="1177"/>
      <c r="AT59" s="1177"/>
      <c r="AU59" s="1177"/>
      <c r="AV59" s="1236"/>
      <c r="AW59" s="1231" t="s">
        <v>135</v>
      </c>
      <c r="AX59" s="1170"/>
      <c r="AY59" s="1170"/>
      <c r="AZ59" s="1170"/>
      <c r="BA59" s="1170"/>
      <c r="BB59" s="1170"/>
      <c r="BC59" s="1171"/>
      <c r="BD59" s="1286" t="s">
        <v>136</v>
      </c>
      <c r="BE59" s="1287"/>
      <c r="BF59" s="1287"/>
      <c r="BG59" s="1287"/>
      <c r="BH59" s="1287"/>
      <c r="BI59" s="1287"/>
      <c r="BJ59" s="1288"/>
      <c r="BK59" s="1235" t="s">
        <v>137</v>
      </c>
      <c r="BL59" s="1177"/>
      <c r="BM59" s="1177"/>
      <c r="BN59" s="1177"/>
      <c r="BO59" s="1177"/>
      <c r="BP59" s="1177"/>
      <c r="BQ59" s="1236"/>
      <c r="BR59" s="1235"/>
      <c r="BS59" s="1177"/>
      <c r="BT59" s="1177"/>
      <c r="BU59" s="1177"/>
      <c r="BV59" s="1177"/>
      <c r="BW59" s="1177"/>
      <c r="BX59" s="1177"/>
      <c r="BY59" s="1236"/>
      <c r="BZ59" s="1285"/>
      <c r="CA59" s="58"/>
      <c r="CB59" s="58"/>
      <c r="CC59" s="71"/>
      <c r="CD59" s="71"/>
    </row>
    <row r="60" spans="2:82" ht="9" customHeight="1">
      <c r="B60" s="72"/>
      <c r="C60" s="70"/>
      <c r="D60" s="73"/>
      <c r="E60" s="1202"/>
      <c r="F60" s="1402"/>
      <c r="G60" s="1235"/>
      <c r="H60" s="1177"/>
      <c r="I60" s="1177"/>
      <c r="J60" s="1177"/>
      <c r="K60" s="1177"/>
      <c r="L60" s="1177"/>
      <c r="M60" s="1177"/>
      <c r="N60" s="1177"/>
      <c r="O60" s="1177"/>
      <c r="P60" s="1177"/>
      <c r="Q60" s="1177"/>
      <c r="R60" s="1177"/>
      <c r="S60" s="1236"/>
      <c r="T60" s="1395"/>
      <c r="U60" s="1382" t="s">
        <v>130</v>
      </c>
      <c r="V60" s="1241" t="s">
        <v>131</v>
      </c>
      <c r="W60" s="1242"/>
      <c r="X60" s="1241" t="s">
        <v>236</v>
      </c>
      <c r="Y60" s="1242"/>
      <c r="Z60" s="1241" t="s">
        <v>133</v>
      </c>
      <c r="AA60" s="1242"/>
      <c r="AB60" s="1284" t="s">
        <v>130</v>
      </c>
      <c r="AC60" s="1241" t="s">
        <v>131</v>
      </c>
      <c r="AD60" s="1242"/>
      <c r="AE60" s="1241" t="s">
        <v>236</v>
      </c>
      <c r="AF60" s="1242"/>
      <c r="AG60" s="1368" t="s">
        <v>133</v>
      </c>
      <c r="AH60" s="1425"/>
      <c r="AI60" s="1370" t="s">
        <v>238</v>
      </c>
      <c r="AJ60" s="1355"/>
      <c r="AK60" s="1355"/>
      <c r="AL60" s="1355"/>
      <c r="AM60" s="1355"/>
      <c r="AN60" s="1355"/>
      <c r="AO60" s="1356"/>
      <c r="AP60" s="1235"/>
      <c r="AQ60" s="1177"/>
      <c r="AR60" s="1177"/>
      <c r="AS60" s="1177"/>
      <c r="AT60" s="1177"/>
      <c r="AU60" s="1177"/>
      <c r="AV60" s="1236"/>
      <c r="AW60" s="1231"/>
      <c r="AX60" s="1170"/>
      <c r="AY60" s="1170"/>
      <c r="AZ60" s="1170"/>
      <c r="BA60" s="1170"/>
      <c r="BB60" s="1170"/>
      <c r="BC60" s="1171"/>
      <c r="BD60" s="1286"/>
      <c r="BE60" s="1287"/>
      <c r="BF60" s="1287"/>
      <c r="BG60" s="1287"/>
      <c r="BH60" s="1287"/>
      <c r="BI60" s="1287"/>
      <c r="BJ60" s="1288"/>
      <c r="BK60" s="1235"/>
      <c r="BL60" s="1177"/>
      <c r="BM60" s="1177"/>
      <c r="BN60" s="1177"/>
      <c r="BO60" s="1177"/>
      <c r="BP60" s="1177"/>
      <c r="BQ60" s="1236"/>
      <c r="BR60" s="1235" t="s">
        <v>139</v>
      </c>
      <c r="BS60" s="1177"/>
      <c r="BT60" s="1177"/>
      <c r="BU60" s="1177"/>
      <c r="BV60" s="1177"/>
      <c r="BW60" s="1177"/>
      <c r="BX60" s="1177"/>
      <c r="BY60" s="1236"/>
      <c r="BZ60" s="1285"/>
      <c r="CA60" s="58"/>
      <c r="CB60" s="58"/>
      <c r="CC60" s="58"/>
      <c r="CD60" s="58"/>
    </row>
    <row r="61" spans="2:82" ht="9" customHeight="1">
      <c r="B61" s="76"/>
      <c r="C61" s="76"/>
      <c r="D61" s="76"/>
      <c r="E61" s="1202"/>
      <c r="F61" s="1402"/>
      <c r="G61" s="82"/>
      <c r="H61" s="58"/>
      <c r="I61" s="58"/>
      <c r="J61" s="58"/>
      <c r="K61" s="58"/>
      <c r="L61" s="58"/>
      <c r="M61" s="58"/>
      <c r="N61" s="58"/>
      <c r="O61" s="58"/>
      <c r="P61" s="58"/>
      <c r="Q61" s="58"/>
      <c r="R61" s="58"/>
      <c r="S61" s="67"/>
      <c r="T61" s="1395"/>
      <c r="U61" s="1383"/>
      <c r="V61" s="1235"/>
      <c r="W61" s="1236"/>
      <c r="X61" s="1235"/>
      <c r="Y61" s="1236"/>
      <c r="Z61" s="1235"/>
      <c r="AA61" s="1236"/>
      <c r="AB61" s="1285"/>
      <c r="AC61" s="1235"/>
      <c r="AD61" s="1236"/>
      <c r="AE61" s="1235"/>
      <c r="AF61" s="1236"/>
      <c r="AG61" s="1370"/>
      <c r="AH61" s="1356"/>
      <c r="AI61" s="1370"/>
      <c r="AJ61" s="1355"/>
      <c r="AK61" s="1355"/>
      <c r="AL61" s="1355"/>
      <c r="AM61" s="1355"/>
      <c r="AN61" s="1355"/>
      <c r="AO61" s="1356"/>
      <c r="AP61" s="82"/>
      <c r="AQ61" s="58"/>
      <c r="AR61" s="58"/>
      <c r="AS61" s="58"/>
      <c r="AT61" s="58"/>
      <c r="AU61" s="58"/>
      <c r="AV61" s="67"/>
      <c r="AW61" s="82"/>
      <c r="AX61" s="58"/>
      <c r="AY61" s="58"/>
      <c r="AZ61" s="58"/>
      <c r="BA61" s="58"/>
      <c r="BB61" s="58"/>
      <c r="BC61" s="67"/>
      <c r="BD61" s="82"/>
      <c r="BE61" s="58"/>
      <c r="BF61" s="58"/>
      <c r="BG61" s="58"/>
      <c r="BH61" s="58"/>
      <c r="BI61" s="58"/>
      <c r="BJ61" s="67"/>
      <c r="BK61" s="82"/>
      <c r="BL61" s="58"/>
      <c r="BM61" s="58"/>
      <c r="BN61" s="58"/>
      <c r="BO61" s="58"/>
      <c r="BP61" s="58"/>
      <c r="BQ61" s="67"/>
      <c r="BR61" s="1235"/>
      <c r="BS61" s="1177"/>
      <c r="BT61" s="1177"/>
      <c r="BU61" s="1177"/>
      <c r="BV61" s="1177"/>
      <c r="BW61" s="1177"/>
      <c r="BX61" s="1177"/>
      <c r="BY61" s="1236"/>
      <c r="BZ61" s="1285"/>
      <c r="CA61" s="58"/>
      <c r="CB61" s="58"/>
      <c r="CC61" s="58"/>
      <c r="CD61" s="58"/>
    </row>
    <row r="62" spans="2:82" s="102" customFormat="1" ht="8.25" customHeight="1">
      <c r="B62" s="40"/>
      <c r="C62" s="40"/>
      <c r="D62" s="40"/>
      <c r="E62" s="100"/>
      <c r="F62" s="101"/>
      <c r="G62" s="89"/>
      <c r="H62" s="40"/>
      <c r="I62" s="40"/>
      <c r="J62" s="40"/>
      <c r="K62" s="40"/>
      <c r="L62" s="40"/>
      <c r="M62" s="40"/>
      <c r="N62" s="40"/>
      <c r="O62" s="40"/>
      <c r="P62" s="40"/>
      <c r="Q62" s="40"/>
      <c r="R62" s="40"/>
      <c r="S62" s="90"/>
      <c r="T62" s="14"/>
      <c r="U62" s="15"/>
      <c r="V62" s="14"/>
      <c r="W62" s="66"/>
      <c r="X62" s="14"/>
      <c r="Y62" s="66"/>
      <c r="Z62" s="14"/>
      <c r="AA62" s="66"/>
      <c r="AB62" s="15"/>
      <c r="AC62" s="14"/>
      <c r="AD62" s="66"/>
      <c r="AE62" s="14"/>
      <c r="AF62" s="66"/>
      <c r="AG62" s="14"/>
      <c r="AH62" s="66"/>
      <c r="AI62" s="40"/>
      <c r="AJ62" s="40"/>
      <c r="AK62" s="40"/>
      <c r="AL62" s="16"/>
      <c r="AM62" s="16"/>
      <c r="AN62" s="16"/>
      <c r="AO62" s="66"/>
      <c r="AP62" s="14"/>
      <c r="AQ62" s="16"/>
      <c r="AR62" s="16"/>
      <c r="AS62" s="16"/>
      <c r="AT62" s="16"/>
      <c r="AU62" s="16"/>
      <c r="AV62" s="66"/>
      <c r="AW62" s="14"/>
      <c r="AX62" s="16"/>
      <c r="AY62" s="16"/>
      <c r="AZ62" s="16"/>
      <c r="BA62" s="16"/>
      <c r="BB62" s="16"/>
      <c r="BC62" s="66"/>
      <c r="BD62" s="14"/>
      <c r="BE62" s="16"/>
      <c r="BF62" s="16"/>
      <c r="BG62" s="16"/>
      <c r="BH62" s="16"/>
      <c r="BI62" s="16"/>
      <c r="BJ62" s="66"/>
      <c r="BK62" s="14"/>
      <c r="BL62" s="16"/>
      <c r="BM62" s="16"/>
      <c r="BN62" s="16"/>
      <c r="BO62" s="16"/>
      <c r="BP62" s="16"/>
      <c r="BQ62" s="66"/>
      <c r="BR62" s="14"/>
      <c r="BS62" s="16"/>
      <c r="BT62" s="16"/>
      <c r="BU62" s="16"/>
      <c r="BV62" s="16"/>
      <c r="BW62" s="16"/>
      <c r="BX62" s="16"/>
      <c r="BY62" s="66"/>
      <c r="BZ62" s="15"/>
      <c r="CA62" s="40"/>
      <c r="CB62" s="40"/>
      <c r="CC62" s="40"/>
      <c r="CD62" s="40"/>
    </row>
    <row r="63" spans="2:82" ht="15" customHeight="1">
      <c r="B63" s="70"/>
      <c r="C63" s="70"/>
      <c r="D63" s="70"/>
      <c r="E63" s="1276" t="s">
        <v>235</v>
      </c>
      <c r="F63" s="1426"/>
      <c r="G63" s="91" t="s">
        <v>239</v>
      </c>
      <c r="H63" s="92" t="s">
        <v>240</v>
      </c>
      <c r="I63" s="92" t="s">
        <v>239</v>
      </c>
      <c r="J63" s="92" t="s">
        <v>241</v>
      </c>
      <c r="K63" s="92" t="s">
        <v>242</v>
      </c>
      <c r="L63" s="92"/>
      <c r="M63" s="92" t="s">
        <v>334</v>
      </c>
      <c r="N63" s="92" t="s">
        <v>335</v>
      </c>
      <c r="O63" s="92" t="s">
        <v>336</v>
      </c>
      <c r="P63" s="92" t="s">
        <v>246</v>
      </c>
      <c r="Q63" s="92" t="s">
        <v>246</v>
      </c>
      <c r="R63" s="92" t="s">
        <v>246</v>
      </c>
      <c r="S63" s="93" t="s">
        <v>246</v>
      </c>
      <c r="T63" s="92">
        <v>2</v>
      </c>
      <c r="U63" s="110">
        <v>5</v>
      </c>
      <c r="V63" s="91">
        <v>5</v>
      </c>
      <c r="W63" s="93">
        <v>8</v>
      </c>
      <c r="X63" s="91">
        <v>1</v>
      </c>
      <c r="Y63" s="93">
        <v>0</v>
      </c>
      <c r="Z63" s="91">
        <v>2</v>
      </c>
      <c r="AA63" s="93">
        <v>9</v>
      </c>
      <c r="AB63" s="110">
        <v>7</v>
      </c>
      <c r="AC63" s="91">
        <v>1</v>
      </c>
      <c r="AD63" s="93">
        <v>8</v>
      </c>
      <c r="AE63" s="91">
        <v>0</v>
      </c>
      <c r="AF63" s="93">
        <v>4</v>
      </c>
      <c r="AG63" s="91">
        <v>0</v>
      </c>
      <c r="AH63" s="93">
        <v>1</v>
      </c>
      <c r="AI63" s="83"/>
      <c r="AJ63" s="79"/>
      <c r="AK63" s="84"/>
      <c r="AL63" s="104" t="s">
        <v>140</v>
      </c>
      <c r="AM63" s="99"/>
      <c r="AN63" s="105"/>
      <c r="AO63" s="104" t="s">
        <v>141</v>
      </c>
      <c r="AP63" s="99"/>
      <c r="AQ63" s="106"/>
      <c r="AR63" s="105"/>
      <c r="AS63" s="104" t="s">
        <v>140</v>
      </c>
      <c r="AT63" s="73"/>
      <c r="AU63" s="105"/>
      <c r="AV63" s="107" t="s">
        <v>141</v>
      </c>
      <c r="AW63" s="108"/>
      <c r="AX63" s="99"/>
      <c r="AY63" s="105"/>
      <c r="AZ63" s="104" t="s">
        <v>140</v>
      </c>
      <c r="BA63" s="73"/>
      <c r="BB63" s="105"/>
      <c r="BC63" s="107" t="s">
        <v>141</v>
      </c>
      <c r="BD63" s="108"/>
      <c r="BE63" s="99"/>
      <c r="BF63" s="105"/>
      <c r="BG63" s="104" t="s">
        <v>140</v>
      </c>
      <c r="BH63" s="73"/>
      <c r="BI63" s="105"/>
      <c r="BJ63" s="107" t="s">
        <v>141</v>
      </c>
      <c r="BK63" s="108"/>
      <c r="BL63" s="99"/>
      <c r="BM63" s="105"/>
      <c r="BN63" s="104" t="s">
        <v>140</v>
      </c>
      <c r="BO63" s="73"/>
      <c r="BP63" s="105"/>
      <c r="BQ63" s="104" t="s">
        <v>141</v>
      </c>
      <c r="BR63" s="109"/>
      <c r="BS63" s="105"/>
      <c r="BT63" s="99"/>
      <c r="BU63" s="105"/>
      <c r="BV63" s="104" t="s">
        <v>140</v>
      </c>
      <c r="BW63" s="73"/>
      <c r="BX63" s="105"/>
      <c r="BY63" s="107" t="s">
        <v>141</v>
      </c>
      <c r="BZ63" s="110">
        <v>0</v>
      </c>
      <c r="CA63" s="70"/>
      <c r="CB63" s="70"/>
      <c r="CC63" s="70"/>
      <c r="CD63" s="70"/>
    </row>
    <row r="64" spans="2:82" ht="9" customHeight="1">
      <c r="B64" s="70"/>
      <c r="C64" s="70"/>
      <c r="D64" s="70"/>
      <c r="E64" s="70"/>
      <c r="F64" s="70"/>
      <c r="G64" s="1416"/>
      <c r="H64" s="1263"/>
      <c r="I64" s="1263"/>
      <c r="J64" s="1263"/>
      <c r="K64" s="1263"/>
      <c r="L64" s="1263"/>
      <c r="M64" s="1263"/>
      <c r="N64" s="1263"/>
      <c r="O64" s="1263"/>
      <c r="P64" s="1263"/>
      <c r="Q64" s="1263"/>
      <c r="R64" s="1263"/>
      <c r="S64" s="1353"/>
      <c r="T64" s="1404"/>
      <c r="U64" s="1385"/>
      <c r="V64" s="1241"/>
      <c r="W64" s="1389"/>
      <c r="X64" s="1241"/>
      <c r="Y64" s="1389"/>
      <c r="Z64" s="1241"/>
      <c r="AA64" s="1389"/>
      <c r="AB64" s="1385"/>
      <c r="AC64" s="1241"/>
      <c r="AD64" s="1389"/>
      <c r="AE64" s="1241"/>
      <c r="AF64" s="1389"/>
      <c r="AG64" s="1241"/>
      <c r="AH64" s="1389"/>
      <c r="AI64" s="1348"/>
      <c r="AJ64" s="1342"/>
      <c r="AK64" s="1346"/>
      <c r="AL64" s="1340"/>
      <c r="AM64" s="1342"/>
      <c r="AN64" s="1346"/>
      <c r="AO64" s="1340"/>
      <c r="AP64" s="1342"/>
      <c r="AQ64" s="1344"/>
      <c r="AR64" s="1346"/>
      <c r="AS64" s="1340"/>
      <c r="AT64" s="1342"/>
      <c r="AU64" s="1346"/>
      <c r="AV64" s="1340"/>
      <c r="AW64" s="1348"/>
      <c r="AX64" s="1342"/>
      <c r="AY64" s="1346"/>
      <c r="AZ64" s="1340"/>
      <c r="BA64" s="1342"/>
      <c r="BB64" s="1346"/>
      <c r="BC64" s="1340"/>
      <c r="BD64" s="1348"/>
      <c r="BE64" s="1342"/>
      <c r="BF64" s="1346"/>
      <c r="BG64" s="1340"/>
      <c r="BH64" s="1342"/>
      <c r="BI64" s="1346"/>
      <c r="BJ64" s="1340"/>
      <c r="BK64" s="1348"/>
      <c r="BL64" s="1342"/>
      <c r="BM64" s="1346"/>
      <c r="BN64" s="1340"/>
      <c r="BO64" s="1342"/>
      <c r="BP64" s="1346"/>
      <c r="BQ64" s="1340"/>
      <c r="BR64" s="1342"/>
      <c r="BS64" s="1340"/>
      <c r="BT64" s="1342"/>
      <c r="BU64" s="1346"/>
      <c r="BV64" s="1340"/>
      <c r="BW64" s="1342"/>
      <c r="BX64" s="1346"/>
      <c r="BY64" s="1340"/>
      <c r="BZ64" s="1404"/>
      <c r="CA64" s="71"/>
      <c r="CB64" s="71"/>
      <c r="CC64" s="70"/>
      <c r="CD64" s="70"/>
    </row>
    <row r="65" spans="2:84" ht="9" customHeight="1">
      <c r="B65" s="70"/>
      <c r="C65" s="70"/>
      <c r="D65" s="70"/>
      <c r="E65" s="74"/>
      <c r="F65" s="58"/>
      <c r="G65" s="1417"/>
      <c r="H65" s="1265"/>
      <c r="I65" s="1265"/>
      <c r="J65" s="1265"/>
      <c r="K65" s="1265"/>
      <c r="L65" s="1265"/>
      <c r="M65" s="1392"/>
      <c r="N65" s="1265"/>
      <c r="O65" s="1265"/>
      <c r="P65" s="1265"/>
      <c r="Q65" s="1265"/>
      <c r="R65" s="1265"/>
      <c r="S65" s="1354"/>
      <c r="T65" s="1405"/>
      <c r="U65" s="1386"/>
      <c r="V65" s="1235"/>
      <c r="W65" s="1390"/>
      <c r="X65" s="1235"/>
      <c r="Y65" s="1390"/>
      <c r="Z65" s="1235"/>
      <c r="AA65" s="1390"/>
      <c r="AB65" s="1386"/>
      <c r="AC65" s="1235"/>
      <c r="AD65" s="1390"/>
      <c r="AE65" s="1235"/>
      <c r="AF65" s="1390"/>
      <c r="AG65" s="1235"/>
      <c r="AH65" s="1390"/>
      <c r="AI65" s="1348"/>
      <c r="AJ65" s="1342"/>
      <c r="AK65" s="1346"/>
      <c r="AL65" s="1340"/>
      <c r="AM65" s="1342"/>
      <c r="AN65" s="1346"/>
      <c r="AO65" s="1340"/>
      <c r="AP65" s="1342"/>
      <c r="AQ65" s="1344"/>
      <c r="AR65" s="1346"/>
      <c r="AS65" s="1340"/>
      <c r="AT65" s="1342"/>
      <c r="AU65" s="1346"/>
      <c r="AV65" s="1340"/>
      <c r="AW65" s="1348"/>
      <c r="AX65" s="1342"/>
      <c r="AY65" s="1346"/>
      <c r="AZ65" s="1340"/>
      <c r="BA65" s="1342"/>
      <c r="BB65" s="1346"/>
      <c r="BC65" s="1340"/>
      <c r="BD65" s="1348"/>
      <c r="BE65" s="1342"/>
      <c r="BF65" s="1346"/>
      <c r="BG65" s="1340"/>
      <c r="BH65" s="1342"/>
      <c r="BI65" s="1346"/>
      <c r="BJ65" s="1340"/>
      <c r="BK65" s="1348"/>
      <c r="BL65" s="1342"/>
      <c r="BM65" s="1346"/>
      <c r="BN65" s="1340"/>
      <c r="BO65" s="1342"/>
      <c r="BP65" s="1346"/>
      <c r="BQ65" s="1340"/>
      <c r="BR65" s="1342"/>
      <c r="BS65" s="1340"/>
      <c r="BT65" s="1342"/>
      <c r="BU65" s="1346"/>
      <c r="BV65" s="1340"/>
      <c r="BW65" s="1342"/>
      <c r="BX65" s="1346"/>
      <c r="BY65" s="1340"/>
      <c r="BZ65" s="1405"/>
      <c r="CA65" s="71"/>
      <c r="CB65" s="71"/>
      <c r="CC65" s="70"/>
      <c r="CD65" s="70"/>
    </row>
    <row r="66" spans="2:84" ht="9" customHeight="1">
      <c r="B66" s="70"/>
      <c r="C66" s="70"/>
      <c r="D66" s="70"/>
      <c r="E66" s="58"/>
      <c r="F66" s="58"/>
      <c r="G66" s="1418"/>
      <c r="H66" s="1271"/>
      <c r="I66" s="1271"/>
      <c r="J66" s="1271"/>
      <c r="K66" s="1271"/>
      <c r="L66" s="1271"/>
      <c r="M66" s="1427"/>
      <c r="N66" s="1271"/>
      <c r="O66" s="1271"/>
      <c r="P66" s="1271"/>
      <c r="Q66" s="1271"/>
      <c r="R66" s="1271"/>
      <c r="S66" s="1420"/>
      <c r="T66" s="1428"/>
      <c r="U66" s="1429"/>
      <c r="V66" s="1243"/>
      <c r="W66" s="1430"/>
      <c r="X66" s="1243"/>
      <c r="Y66" s="1430"/>
      <c r="Z66" s="1243"/>
      <c r="AA66" s="1430"/>
      <c r="AB66" s="1429"/>
      <c r="AC66" s="1243"/>
      <c r="AD66" s="1430"/>
      <c r="AE66" s="1243"/>
      <c r="AF66" s="1430"/>
      <c r="AG66" s="1243"/>
      <c r="AH66" s="1430"/>
      <c r="AI66" s="1349"/>
      <c r="AJ66" s="1343"/>
      <c r="AK66" s="1347"/>
      <c r="AL66" s="1341"/>
      <c r="AM66" s="1343"/>
      <c r="AN66" s="1347"/>
      <c r="AO66" s="1341"/>
      <c r="AP66" s="1343"/>
      <c r="AQ66" s="1345"/>
      <c r="AR66" s="1347"/>
      <c r="AS66" s="1341"/>
      <c r="AT66" s="1343"/>
      <c r="AU66" s="1347"/>
      <c r="AV66" s="1341"/>
      <c r="AW66" s="1349"/>
      <c r="AX66" s="1343"/>
      <c r="AY66" s="1347"/>
      <c r="AZ66" s="1341"/>
      <c r="BA66" s="1343"/>
      <c r="BB66" s="1347"/>
      <c r="BC66" s="1341"/>
      <c r="BD66" s="1349"/>
      <c r="BE66" s="1343"/>
      <c r="BF66" s="1347"/>
      <c r="BG66" s="1341"/>
      <c r="BH66" s="1343"/>
      <c r="BI66" s="1347"/>
      <c r="BJ66" s="1341"/>
      <c r="BK66" s="1349"/>
      <c r="BL66" s="1343"/>
      <c r="BM66" s="1347"/>
      <c r="BN66" s="1341"/>
      <c r="BO66" s="1343"/>
      <c r="BP66" s="1347"/>
      <c r="BQ66" s="1341"/>
      <c r="BR66" s="1343"/>
      <c r="BS66" s="1341"/>
      <c r="BT66" s="1343"/>
      <c r="BU66" s="1347"/>
      <c r="BV66" s="1341"/>
      <c r="BW66" s="1343"/>
      <c r="BX66" s="1347"/>
      <c r="BY66" s="1341"/>
      <c r="BZ66" s="1428"/>
      <c r="CA66" s="71"/>
      <c r="CB66" s="71"/>
      <c r="CC66" s="70"/>
      <c r="CD66" s="70"/>
    </row>
    <row r="67" spans="2:84" ht="9" customHeight="1">
      <c r="B67" s="70"/>
      <c r="C67" s="70"/>
      <c r="D67" s="70"/>
      <c r="E67" s="58"/>
      <c r="F67" s="58"/>
      <c r="G67" s="70"/>
      <c r="H67" s="70"/>
      <c r="I67" s="70"/>
      <c r="J67" s="70"/>
      <c r="K67" s="70"/>
      <c r="L67" s="70"/>
      <c r="M67" s="70"/>
      <c r="N67" s="70"/>
      <c r="O67" s="70"/>
      <c r="P67" s="70"/>
      <c r="Q67" s="70"/>
      <c r="R67" s="70"/>
      <c r="S67" s="70"/>
      <c r="T67" s="71"/>
      <c r="U67" s="71"/>
      <c r="V67" s="58"/>
      <c r="W67" s="58"/>
      <c r="X67" s="58"/>
      <c r="Y67" s="58"/>
      <c r="Z67" s="58"/>
      <c r="AA67" s="58"/>
      <c r="AB67" s="71"/>
      <c r="AC67" s="58"/>
      <c r="AD67" s="58"/>
      <c r="AE67" s="58"/>
      <c r="AF67" s="58"/>
      <c r="AG67" s="58"/>
      <c r="AH67" s="58"/>
      <c r="AI67" s="58"/>
      <c r="AJ67" s="58"/>
      <c r="AK67" s="58"/>
      <c r="AL67" s="58"/>
      <c r="AM67" s="58"/>
      <c r="AN67" s="118"/>
      <c r="AO67" s="58"/>
      <c r="AP67" s="70"/>
      <c r="AQ67" s="70"/>
      <c r="AR67" s="70"/>
      <c r="AS67" s="70"/>
      <c r="AT67" s="70"/>
      <c r="AU67" s="70"/>
      <c r="AV67" s="70"/>
      <c r="AW67" s="70"/>
      <c r="AX67" s="70"/>
      <c r="AY67" s="70"/>
      <c r="AZ67" s="70"/>
      <c r="BA67" s="70"/>
      <c r="BB67" s="70"/>
      <c r="BC67" s="70"/>
      <c r="BD67" s="70"/>
      <c r="BE67" s="70"/>
      <c r="BF67" s="70"/>
      <c r="BG67" s="70"/>
      <c r="BH67" s="70"/>
      <c r="BI67" s="70"/>
      <c r="BJ67" s="70"/>
      <c r="BK67" s="70"/>
      <c r="BL67" s="70"/>
      <c r="BM67" s="70"/>
      <c r="BN67" s="70"/>
      <c r="BO67" s="70"/>
      <c r="BP67" s="70"/>
      <c r="BQ67" s="70"/>
      <c r="BR67" s="58"/>
      <c r="BS67" s="58"/>
      <c r="BT67" s="58"/>
      <c r="BU67" s="58"/>
      <c r="BV67" s="58"/>
      <c r="BW67" s="58"/>
      <c r="BX67" s="58"/>
      <c r="BY67" s="58"/>
      <c r="BZ67" s="71"/>
      <c r="CA67" s="71"/>
      <c r="CB67" s="71"/>
      <c r="CC67" s="70"/>
      <c r="CD67" s="70"/>
    </row>
    <row r="68" spans="2:84" ht="9" customHeight="1">
      <c r="B68" s="70"/>
      <c r="C68" s="70"/>
      <c r="D68" s="70"/>
      <c r="E68" s="72"/>
      <c r="F68" s="73"/>
      <c r="G68" s="72"/>
      <c r="H68" s="70"/>
      <c r="I68" s="70"/>
      <c r="J68" s="70"/>
      <c r="K68" s="70"/>
      <c r="L68" s="70"/>
      <c r="M68" s="70"/>
      <c r="N68" s="70"/>
      <c r="O68" s="70"/>
      <c r="P68" s="70"/>
      <c r="Q68" s="70"/>
      <c r="R68" s="70"/>
      <c r="S68" s="73"/>
      <c r="T68" s="58"/>
      <c r="U68" s="58"/>
      <c r="V68" s="72"/>
      <c r="W68" s="73"/>
      <c r="X68" s="72"/>
      <c r="Y68" s="73"/>
      <c r="Z68" s="72"/>
      <c r="AA68" s="73"/>
      <c r="AB68" s="58"/>
      <c r="AC68" s="72"/>
      <c r="AD68" s="73"/>
      <c r="AE68" s="72"/>
      <c r="AF68" s="73"/>
      <c r="AG68" s="72"/>
      <c r="AH68" s="73"/>
      <c r="AI68" s="72"/>
      <c r="AJ68" s="70"/>
      <c r="AK68" s="70"/>
      <c r="AL68" s="70"/>
      <c r="AM68" s="70"/>
      <c r="AN68" s="118"/>
      <c r="AO68" s="73"/>
      <c r="AP68" s="72"/>
      <c r="AQ68" s="70"/>
      <c r="AR68" s="70"/>
      <c r="AS68" s="70"/>
      <c r="AT68" s="70"/>
      <c r="AU68" s="70"/>
      <c r="AV68" s="73"/>
      <c r="AW68" s="72"/>
      <c r="AX68" s="70"/>
      <c r="AY68" s="70"/>
      <c r="AZ68" s="70"/>
      <c r="BA68" s="70"/>
      <c r="BB68" s="70"/>
      <c r="BC68" s="73"/>
      <c r="BD68" s="72"/>
      <c r="BE68" s="70"/>
      <c r="BF68" s="70"/>
      <c r="BG68" s="70"/>
      <c r="BH68" s="70"/>
      <c r="BI68" s="70"/>
      <c r="BJ68" s="73"/>
      <c r="BK68" s="72"/>
      <c r="BL68" s="70"/>
      <c r="BM68" s="70"/>
      <c r="BN68" s="70"/>
      <c r="BO68" s="70"/>
      <c r="BP68" s="70"/>
      <c r="BQ68" s="73"/>
      <c r="BR68" s="72"/>
      <c r="BS68" s="70"/>
      <c r="BT68" s="70"/>
      <c r="BU68" s="70"/>
      <c r="BV68" s="70"/>
      <c r="BW68" s="70"/>
      <c r="BX68" s="73"/>
      <c r="BY68" s="73"/>
      <c r="BZ68" s="58"/>
      <c r="CA68" s="58"/>
      <c r="CB68" s="58"/>
      <c r="CC68" s="70"/>
      <c r="CD68" s="70"/>
      <c r="CE68" s="41"/>
      <c r="CF68" s="41"/>
    </row>
    <row r="69" spans="2:84" ht="9" customHeight="1">
      <c r="B69" s="70"/>
      <c r="C69" s="70"/>
      <c r="D69" s="70"/>
      <c r="E69" s="70"/>
      <c r="F69" s="70"/>
      <c r="G69" s="58"/>
      <c r="H69" s="58"/>
      <c r="I69" s="58"/>
      <c r="J69" s="58"/>
      <c r="K69" s="58"/>
      <c r="L69" s="58"/>
      <c r="M69" s="58"/>
      <c r="N69" s="58"/>
      <c r="O69" s="58"/>
      <c r="P69" s="58"/>
      <c r="Q69" s="58"/>
      <c r="R69" s="58"/>
      <c r="S69" s="58"/>
      <c r="T69" s="58"/>
      <c r="U69" s="58"/>
      <c r="V69" s="58"/>
      <c r="W69" s="58"/>
      <c r="X69" s="58"/>
      <c r="Y69" s="58"/>
      <c r="Z69" s="58"/>
      <c r="AA69" s="58"/>
      <c r="AB69" s="58"/>
      <c r="AC69" s="58"/>
      <c r="AD69" s="58"/>
      <c r="AE69" s="58"/>
      <c r="AF69" s="58"/>
      <c r="AG69" s="58"/>
      <c r="AH69" s="58"/>
      <c r="AI69" s="77"/>
      <c r="AJ69" s="77"/>
      <c r="AK69" s="77"/>
      <c r="AL69" s="73"/>
      <c r="AM69" s="77"/>
      <c r="AN69" s="118"/>
      <c r="AO69" s="646"/>
      <c r="AP69" s="77"/>
      <c r="AQ69" s="77"/>
      <c r="AR69" s="77"/>
      <c r="AS69" s="73"/>
      <c r="AT69" s="77"/>
      <c r="AU69" s="77"/>
      <c r="AV69" s="73"/>
      <c r="AW69" s="77"/>
      <c r="AX69" s="77"/>
      <c r="AY69" s="77"/>
      <c r="AZ69" s="73"/>
      <c r="BA69" s="77"/>
      <c r="BB69" s="77"/>
      <c r="BC69" s="73"/>
      <c r="BD69" s="77"/>
      <c r="BE69" s="77"/>
      <c r="BF69" s="77"/>
      <c r="BG69" s="73"/>
      <c r="BH69" s="77"/>
      <c r="BI69" s="77"/>
      <c r="BJ69" s="73"/>
      <c r="BK69" s="77"/>
      <c r="BL69" s="77"/>
      <c r="BM69" s="77"/>
      <c r="BN69" s="73"/>
      <c r="BO69" s="77"/>
      <c r="BP69" s="77"/>
      <c r="BQ69" s="73"/>
      <c r="BR69" s="77"/>
      <c r="BS69" s="77"/>
      <c r="BT69" s="77"/>
      <c r="BU69" s="77"/>
      <c r="BV69" s="73"/>
      <c r="BW69" s="77"/>
      <c r="BX69" s="77"/>
      <c r="BY69" s="73"/>
      <c r="BZ69" s="58"/>
      <c r="CA69" s="70"/>
      <c r="CB69" s="70"/>
      <c r="CC69" s="70"/>
      <c r="CD69" s="70"/>
    </row>
    <row r="70" spans="2:84" ht="9" customHeight="1">
      <c r="B70" s="70"/>
      <c r="C70" s="70"/>
      <c r="D70" s="70"/>
      <c r="E70" s="78"/>
      <c r="F70" s="78"/>
      <c r="G70" s="58"/>
      <c r="H70" s="58"/>
      <c r="I70" s="58"/>
      <c r="J70" s="58"/>
      <c r="K70" s="58"/>
      <c r="L70" s="58"/>
      <c r="M70" s="58"/>
      <c r="N70" s="58"/>
      <c r="O70" s="58"/>
      <c r="P70" s="58"/>
      <c r="Q70" s="58"/>
      <c r="R70" s="58"/>
      <c r="S70" s="58"/>
      <c r="T70" s="58"/>
      <c r="U70" s="58"/>
      <c r="V70" s="58"/>
      <c r="W70" s="58"/>
      <c r="X70" s="58"/>
      <c r="Y70" s="58"/>
      <c r="Z70" s="58"/>
      <c r="AA70" s="58"/>
      <c r="AB70" s="58"/>
      <c r="AC70" s="58"/>
      <c r="AD70" s="58"/>
      <c r="AE70" s="58"/>
      <c r="AF70" s="58"/>
      <c r="AG70" s="58"/>
      <c r="AH70" s="58"/>
      <c r="AI70" s="77"/>
      <c r="AJ70" s="77"/>
      <c r="AK70" s="77"/>
      <c r="AL70" s="77"/>
      <c r="AM70" s="77"/>
      <c r="AN70" s="646"/>
      <c r="AO70" s="646"/>
      <c r="AP70" s="77"/>
      <c r="AQ70" s="77"/>
      <c r="AR70" s="77"/>
      <c r="AS70" s="77"/>
      <c r="AT70" s="77"/>
      <c r="AU70" s="77"/>
      <c r="AV70" s="77"/>
      <c r="AW70" s="77"/>
      <c r="AX70" s="77"/>
      <c r="AY70" s="77"/>
      <c r="AZ70" s="77"/>
      <c r="BA70" s="77"/>
      <c r="BB70" s="77"/>
      <c r="BC70" s="77"/>
      <c r="BD70" s="77"/>
      <c r="BE70" s="77"/>
      <c r="BF70" s="77"/>
      <c r="BG70" s="77"/>
      <c r="BH70" s="77"/>
      <c r="BI70" s="77"/>
      <c r="BJ70" s="77"/>
      <c r="BK70" s="77"/>
      <c r="BL70" s="77"/>
      <c r="BM70" s="77"/>
      <c r="BN70" s="77"/>
      <c r="BO70" s="77"/>
      <c r="BP70" s="77"/>
      <c r="BQ70" s="77"/>
      <c r="BR70" s="77"/>
      <c r="BS70" s="77"/>
      <c r="BT70" s="77"/>
      <c r="BU70" s="77"/>
      <c r="BV70" s="77"/>
      <c r="BW70" s="77"/>
      <c r="BX70" s="77"/>
      <c r="BY70" s="77"/>
      <c r="BZ70" s="58"/>
      <c r="CA70" s="70"/>
      <c r="CB70" s="70"/>
      <c r="CC70" s="70"/>
      <c r="CD70" s="70"/>
    </row>
    <row r="71" spans="2:84" ht="9" customHeight="1">
      <c r="B71" s="70"/>
      <c r="C71" s="70"/>
      <c r="D71" s="70"/>
      <c r="E71" s="70"/>
      <c r="F71" s="70"/>
      <c r="G71" s="58"/>
      <c r="H71" s="58"/>
      <c r="I71" s="58"/>
      <c r="J71" s="58"/>
      <c r="K71" s="58"/>
      <c r="L71" s="58"/>
      <c r="M71" s="58"/>
      <c r="N71" s="58"/>
      <c r="O71" s="58"/>
      <c r="P71" s="58"/>
      <c r="Q71" s="58"/>
      <c r="R71" s="58"/>
      <c r="S71" s="58"/>
      <c r="T71" s="58"/>
      <c r="U71" s="58"/>
      <c r="V71" s="58"/>
      <c r="W71" s="58"/>
      <c r="X71" s="58"/>
      <c r="Y71" s="58"/>
      <c r="Z71" s="58"/>
      <c r="AA71" s="58"/>
      <c r="AB71" s="58"/>
      <c r="AC71" s="58"/>
      <c r="AD71" s="58"/>
      <c r="AE71" s="58"/>
      <c r="AF71" s="58"/>
      <c r="AG71" s="58"/>
      <c r="AH71" s="58"/>
      <c r="AI71" s="77"/>
      <c r="AJ71" s="77"/>
      <c r="AK71" s="77"/>
      <c r="AL71" s="77"/>
      <c r="AM71" s="77"/>
      <c r="AN71" s="77"/>
      <c r="AO71" s="77"/>
      <c r="AP71" s="77"/>
      <c r="AQ71" s="77"/>
      <c r="AR71" s="77"/>
      <c r="AS71" s="77"/>
      <c r="AT71" s="77"/>
      <c r="AU71" s="77"/>
      <c r="AV71" s="77"/>
      <c r="AW71" s="77"/>
      <c r="AX71" s="77"/>
      <c r="AY71" s="77"/>
      <c r="AZ71" s="77"/>
      <c r="BA71" s="77"/>
      <c r="BB71" s="77"/>
      <c r="BC71" s="77"/>
      <c r="BD71" s="77"/>
      <c r="BE71" s="77"/>
      <c r="BF71" s="77"/>
      <c r="BG71" s="77"/>
      <c r="BH71" s="77"/>
      <c r="BI71" s="77"/>
      <c r="BJ71" s="77"/>
      <c r="BK71" s="77"/>
      <c r="BL71" s="77"/>
      <c r="BM71" s="77"/>
      <c r="BN71" s="77"/>
      <c r="BO71" s="77"/>
      <c r="BP71" s="77"/>
      <c r="BQ71" s="77"/>
      <c r="BR71" s="77"/>
      <c r="BS71" s="77"/>
      <c r="BT71" s="77"/>
      <c r="BU71" s="77"/>
      <c r="BV71" s="77"/>
      <c r="BW71" s="77"/>
      <c r="BX71" s="77"/>
      <c r="BY71" s="77"/>
      <c r="BZ71" s="58"/>
      <c r="CA71" s="70"/>
      <c r="CB71" s="70"/>
      <c r="CC71" s="70"/>
      <c r="CD71" s="70"/>
    </row>
    <row r="72" spans="2:84" ht="9" customHeight="1"/>
    <row r="73" spans="2:84" ht="9" customHeight="1"/>
    <row r="74" spans="2:84" ht="8.25" customHeight="1"/>
    <row r="75" spans="2:84" ht="8.25" customHeight="1"/>
    <row r="76" spans="2:84" ht="8.25" customHeight="1"/>
    <row r="77" spans="2:84" ht="8.25" customHeight="1"/>
    <row r="78" spans="2:84" ht="8.25" customHeight="1"/>
    <row r="79" spans="2:84" ht="8.25" customHeight="1"/>
    <row r="80" spans="2:84" ht="8.25" customHeight="1"/>
    <row r="81" ht="9" customHeight="1"/>
    <row r="82" ht="9" customHeight="1"/>
    <row r="83" ht="9" customHeight="1"/>
    <row r="84" ht="9" customHeight="1"/>
    <row r="85" ht="9" customHeight="1"/>
    <row r="86" ht="9" customHeight="1"/>
    <row r="87" ht="9" customHeight="1"/>
    <row r="88" ht="9" customHeight="1"/>
    <row r="89" ht="9" customHeight="1"/>
    <row r="90" ht="9" customHeight="1"/>
    <row r="91" ht="9" customHeight="1"/>
    <row r="92" ht="9" customHeight="1"/>
    <row r="93" ht="9" customHeight="1"/>
    <row r="94" ht="9" customHeight="1"/>
    <row r="95" ht="9" customHeight="1"/>
    <row r="96" ht="9" customHeight="1"/>
    <row r="97" ht="9" customHeight="1"/>
    <row r="98" ht="9" customHeight="1"/>
    <row r="99" ht="9" customHeight="1"/>
    <row r="100" ht="9" customHeight="1"/>
    <row r="101" ht="9" customHeight="1"/>
    <row r="102" ht="9" customHeight="1"/>
    <row r="103" ht="9" customHeight="1"/>
    <row r="104" ht="9" customHeight="1"/>
    <row r="105" ht="9" customHeight="1"/>
    <row r="106" ht="9" customHeight="1"/>
    <row r="107" ht="9" customHeight="1"/>
    <row r="108" ht="9" customHeight="1"/>
    <row r="109" ht="9" customHeight="1"/>
    <row r="110" ht="9" customHeight="1"/>
    <row r="111" ht="9" customHeight="1"/>
    <row r="112" ht="9" customHeight="1"/>
    <row r="113" ht="9" customHeight="1"/>
    <row r="114" ht="9" customHeight="1"/>
    <row r="115" ht="9" customHeight="1"/>
    <row r="116" ht="9" customHeight="1"/>
    <row r="117" ht="9" customHeight="1"/>
    <row r="118" ht="9" customHeight="1"/>
    <row r="119" ht="9" customHeight="1"/>
    <row r="120" ht="9" customHeight="1"/>
    <row r="121" ht="9" customHeight="1"/>
    <row r="122" ht="9" customHeight="1"/>
    <row r="123" ht="9" customHeight="1"/>
    <row r="124" ht="9" customHeight="1"/>
    <row r="125" ht="9" customHeight="1"/>
    <row r="126" ht="9" customHeight="1"/>
    <row r="127" ht="9" customHeight="1"/>
    <row r="128" ht="9" customHeight="1"/>
    <row r="129" ht="9" customHeight="1"/>
    <row r="130" ht="9" customHeight="1"/>
    <row r="131" ht="9" customHeight="1"/>
    <row r="132" ht="9" customHeight="1"/>
    <row r="133" ht="9" customHeight="1"/>
    <row r="134" ht="9" customHeight="1"/>
    <row r="135" ht="9" customHeight="1"/>
    <row r="136" ht="9" customHeight="1"/>
    <row r="137" ht="9" customHeight="1"/>
    <row r="138" ht="9" customHeight="1"/>
    <row r="139" ht="9" customHeight="1"/>
    <row r="140" ht="9" customHeight="1"/>
    <row r="141" ht="9" customHeight="1"/>
    <row r="142" ht="9" customHeight="1"/>
    <row r="143" ht="9" customHeight="1"/>
    <row r="144" ht="9" customHeight="1"/>
    <row r="145" ht="9" customHeight="1"/>
    <row r="146" ht="9" customHeight="1"/>
    <row r="147" ht="9" customHeight="1"/>
    <row r="148" ht="9" customHeight="1"/>
    <row r="149" ht="9" customHeight="1"/>
    <row r="150" ht="9" customHeight="1"/>
    <row r="151" ht="9" customHeight="1"/>
    <row r="152" ht="9" customHeight="1"/>
    <row r="153" ht="9" customHeight="1"/>
    <row r="154" ht="9" customHeight="1"/>
    <row r="155" ht="9" customHeight="1"/>
    <row r="156" ht="9" customHeight="1"/>
    <row r="157" ht="9" customHeight="1"/>
    <row r="158" ht="9" customHeight="1"/>
    <row r="159" ht="9" customHeight="1"/>
    <row r="160" ht="9" customHeight="1"/>
    <row r="161" ht="9" customHeight="1"/>
    <row r="162" ht="9" customHeight="1"/>
    <row r="163" ht="9" customHeight="1"/>
    <row r="164" ht="9" customHeight="1"/>
    <row r="165" ht="9" customHeight="1"/>
    <row r="166" ht="9" customHeight="1"/>
    <row r="167" ht="9" customHeight="1"/>
    <row r="168" ht="9" customHeight="1"/>
    <row r="169" ht="9" customHeight="1"/>
    <row r="170" ht="9" customHeight="1"/>
    <row r="171" ht="9" customHeight="1"/>
    <row r="172" ht="9" customHeight="1"/>
    <row r="173" ht="9" customHeight="1"/>
    <row r="174" ht="9" customHeight="1"/>
    <row r="175" ht="9" customHeight="1"/>
    <row r="176" ht="9" customHeight="1"/>
    <row r="177" ht="9" customHeight="1"/>
    <row r="178" ht="9" customHeight="1"/>
    <row r="179" ht="9" customHeight="1"/>
    <row r="180" ht="9" customHeight="1"/>
    <row r="181" ht="9" customHeight="1"/>
    <row r="182" ht="9" customHeight="1"/>
    <row r="183" ht="9" customHeight="1"/>
    <row r="184" ht="9" customHeight="1"/>
    <row r="185" ht="9" customHeight="1"/>
    <row r="186" ht="9" customHeight="1"/>
    <row r="187" ht="9" customHeight="1"/>
    <row r="188" ht="9" customHeight="1"/>
    <row r="189" ht="9" customHeight="1"/>
    <row r="190" ht="9" customHeight="1"/>
    <row r="191" ht="9" customHeight="1"/>
    <row r="192" ht="9" customHeight="1"/>
    <row r="193" ht="9" customHeight="1"/>
    <row r="194" ht="9" customHeight="1"/>
    <row r="195" ht="9" customHeight="1"/>
    <row r="196" ht="9" customHeight="1"/>
    <row r="197" ht="9" customHeight="1"/>
    <row r="198" ht="9" customHeight="1"/>
    <row r="199" ht="9" customHeight="1"/>
    <row r="200" ht="9" customHeight="1"/>
    <row r="201" ht="9" customHeight="1"/>
    <row r="202" ht="9" customHeight="1"/>
    <row r="203" ht="9" customHeight="1"/>
    <row r="204" ht="9" customHeight="1"/>
    <row r="205" ht="9" customHeight="1"/>
    <row r="206" ht="9" customHeight="1"/>
    <row r="207" ht="9" customHeight="1"/>
    <row r="208" ht="9" customHeight="1"/>
    <row r="209" ht="9" customHeight="1"/>
    <row r="210" ht="9" customHeight="1"/>
    <row r="211" ht="9" customHeight="1"/>
    <row r="212" ht="9" customHeight="1"/>
    <row r="213" ht="9" customHeight="1"/>
    <row r="214" ht="9" customHeight="1"/>
    <row r="215" ht="9" customHeight="1"/>
    <row r="216" ht="9" customHeight="1"/>
    <row r="217" ht="9" customHeight="1"/>
    <row r="218" ht="9" customHeight="1"/>
    <row r="219" ht="9" customHeight="1"/>
    <row r="220" ht="9" customHeight="1"/>
    <row r="221" ht="9" customHeight="1"/>
    <row r="222" ht="9" customHeight="1"/>
    <row r="223" ht="9" customHeight="1"/>
    <row r="224" ht="9" customHeight="1"/>
    <row r="225" ht="9" customHeight="1"/>
    <row r="226" ht="9" customHeight="1"/>
    <row r="227" ht="9" customHeight="1"/>
    <row r="228" ht="9" customHeight="1"/>
    <row r="229" ht="9" customHeight="1"/>
    <row r="230" ht="9" customHeight="1"/>
    <row r="231" ht="9" customHeight="1"/>
    <row r="232" ht="9" customHeight="1"/>
    <row r="233" ht="9" customHeight="1"/>
    <row r="234" ht="9" customHeight="1"/>
  </sheetData>
  <mergeCells count="382">
    <mergeCell ref="BZ64:BZ66"/>
    <mergeCell ref="BS64:BS66"/>
    <mergeCell ref="BT64:BT66"/>
    <mergeCell ref="BU64:BU66"/>
    <mergeCell ref="BV64:BV66"/>
    <mergeCell ref="BK64:BK66"/>
    <mergeCell ref="BL64:BL66"/>
    <mergeCell ref="BM64:BM66"/>
    <mergeCell ref="BN64:BN66"/>
    <mergeCell ref="BW64:BW66"/>
    <mergeCell ref="BX64:BX66"/>
    <mergeCell ref="BY64:BY66"/>
    <mergeCell ref="BO64:BO66"/>
    <mergeCell ref="BP64:BP66"/>
    <mergeCell ref="BQ64:BQ66"/>
    <mergeCell ref="BR64:BR66"/>
    <mergeCell ref="BB64:BB66"/>
    <mergeCell ref="AU64:AU66"/>
    <mergeCell ref="AV64:AV66"/>
    <mergeCell ref="AW64:AW66"/>
    <mergeCell ref="AX64:AX66"/>
    <mergeCell ref="BG64:BG66"/>
    <mergeCell ref="BH64:BH66"/>
    <mergeCell ref="BI64:BI66"/>
    <mergeCell ref="BJ64:BJ66"/>
    <mergeCell ref="BC64:BC66"/>
    <mergeCell ref="BD64:BD66"/>
    <mergeCell ref="BE64:BE66"/>
    <mergeCell ref="BF64:BF66"/>
    <mergeCell ref="AS64:AS66"/>
    <mergeCell ref="AT64:AT66"/>
    <mergeCell ref="AM64:AM66"/>
    <mergeCell ref="AN64:AN66"/>
    <mergeCell ref="AO64:AO66"/>
    <mergeCell ref="AP64:AP66"/>
    <mergeCell ref="AY64:AY66"/>
    <mergeCell ref="AZ64:AZ66"/>
    <mergeCell ref="BA64:BA66"/>
    <mergeCell ref="AJ64:AJ66"/>
    <mergeCell ref="AK64:AK66"/>
    <mergeCell ref="AL64:AL66"/>
    <mergeCell ref="AE64:AE66"/>
    <mergeCell ref="AF64:AF66"/>
    <mergeCell ref="AG64:AG66"/>
    <mergeCell ref="AH64:AH66"/>
    <mergeCell ref="AQ64:AQ66"/>
    <mergeCell ref="AR64:AR66"/>
    <mergeCell ref="AA64:AA66"/>
    <mergeCell ref="AB64:AB66"/>
    <mergeCell ref="AC64:AC66"/>
    <mergeCell ref="AD64:AD66"/>
    <mergeCell ref="W64:W66"/>
    <mergeCell ref="X64:X66"/>
    <mergeCell ref="Y64:Y66"/>
    <mergeCell ref="Z64:Z66"/>
    <mergeCell ref="AI64:AI66"/>
    <mergeCell ref="AV54:AV56"/>
    <mergeCell ref="E63:F63"/>
    <mergeCell ref="E59:F61"/>
    <mergeCell ref="G59:S60"/>
    <mergeCell ref="AP59:AV60"/>
    <mergeCell ref="AW59:BC60"/>
    <mergeCell ref="U60:U61"/>
    <mergeCell ref="V60:W61"/>
    <mergeCell ref="K64:K66"/>
    <mergeCell ref="L64:L66"/>
    <mergeCell ref="M64:M66"/>
    <mergeCell ref="N64:N66"/>
    <mergeCell ref="G64:G66"/>
    <mergeCell ref="H64:H66"/>
    <mergeCell ref="I64:I66"/>
    <mergeCell ref="J64:J66"/>
    <mergeCell ref="S64:S66"/>
    <mergeCell ref="T64:T66"/>
    <mergeCell ref="U64:U66"/>
    <mergeCell ref="V64:V66"/>
    <mergeCell ref="O64:O66"/>
    <mergeCell ref="P64:P66"/>
    <mergeCell ref="Q64:Q66"/>
    <mergeCell ref="R64:R66"/>
    <mergeCell ref="AH53:AI53"/>
    <mergeCell ref="AJ53:AK53"/>
    <mergeCell ref="X60:Y61"/>
    <mergeCell ref="Z60:AA61"/>
    <mergeCell ref="AB60:AB61"/>
    <mergeCell ref="AC60:AD61"/>
    <mergeCell ref="CA54:CB56"/>
    <mergeCell ref="T58:T61"/>
    <mergeCell ref="U58:AA59"/>
    <mergeCell ref="AB58:AH59"/>
    <mergeCell ref="AI58:AO59"/>
    <mergeCell ref="BR58:BY59"/>
    <mergeCell ref="AG60:AH61"/>
    <mergeCell ref="AI60:AO61"/>
    <mergeCell ref="BR60:BY61"/>
    <mergeCell ref="BZ58:BZ61"/>
    <mergeCell ref="BD59:BJ60"/>
    <mergeCell ref="BK59:BQ60"/>
    <mergeCell ref="AE60:AF61"/>
    <mergeCell ref="AY54:AZ56"/>
    <mergeCell ref="BA54:BB56"/>
    <mergeCell ref="BC54:BC56"/>
    <mergeCell ref="BD54:BD56"/>
    <mergeCell ref="AU54:AU56"/>
    <mergeCell ref="O53:P53"/>
    <mergeCell ref="Q53:R53"/>
    <mergeCell ref="CA53:CB53"/>
    <mergeCell ref="G54:H56"/>
    <mergeCell ref="I54:J56"/>
    <mergeCell ref="K54:L56"/>
    <mergeCell ref="M54:N56"/>
    <mergeCell ref="O54:P56"/>
    <mergeCell ref="AO54:AO56"/>
    <mergeCell ref="AP54:AP56"/>
    <mergeCell ref="AI54:AI56"/>
    <mergeCell ref="AJ54:AJ56"/>
    <mergeCell ref="AK54:AK56"/>
    <mergeCell ref="AL54:AL56"/>
    <mergeCell ref="AW54:AW56"/>
    <mergeCell ref="AX54:AX56"/>
    <mergeCell ref="AQ54:AQ56"/>
    <mergeCell ref="AR54:AR56"/>
    <mergeCell ref="AS54:AS56"/>
    <mergeCell ref="AT54:AT56"/>
    <mergeCell ref="BO53:BZ56"/>
    <mergeCell ref="BM54:BM56"/>
    <mergeCell ref="BN54:BN56"/>
    <mergeCell ref="AE53:AG53"/>
    <mergeCell ref="B53:D53"/>
    <mergeCell ref="E53:F53"/>
    <mergeCell ref="G53:H53"/>
    <mergeCell ref="I53:J53"/>
    <mergeCell ref="BE53:BL56"/>
    <mergeCell ref="Q54:R56"/>
    <mergeCell ref="S54:T56"/>
    <mergeCell ref="U54:V56"/>
    <mergeCell ref="W54:AB56"/>
    <mergeCell ref="S53:T53"/>
    <mergeCell ref="U53:V53"/>
    <mergeCell ref="W53:AB53"/>
    <mergeCell ref="AC53:AD53"/>
    <mergeCell ref="AC54:AC56"/>
    <mergeCell ref="AD54:AD56"/>
    <mergeCell ref="AY53:AZ53"/>
    <mergeCell ref="AM54:AM56"/>
    <mergeCell ref="AN54:AN56"/>
    <mergeCell ref="BA53:BB53"/>
    <mergeCell ref="BC53:BD53"/>
    <mergeCell ref="AE54:AG56"/>
    <mergeCell ref="AH54:AH56"/>
    <mergeCell ref="K53:L53"/>
    <mergeCell ref="M53:N53"/>
    <mergeCell ref="CA52:CB52"/>
    <mergeCell ref="AN50:AV51"/>
    <mergeCell ref="AJ48:AK51"/>
    <mergeCell ref="AN48:AV49"/>
    <mergeCell ref="CB48:CB51"/>
    <mergeCell ref="BN50:BN51"/>
    <mergeCell ref="BO50:BZ51"/>
    <mergeCell ref="BM48:BM51"/>
    <mergeCell ref="BO48:BZ49"/>
    <mergeCell ref="CA48:CA51"/>
    <mergeCell ref="G42:G44"/>
    <mergeCell ref="T42:T44"/>
    <mergeCell ref="BE48:BL49"/>
    <mergeCell ref="AY50:AZ51"/>
    <mergeCell ref="BA50:BB51"/>
    <mergeCell ref="BC50:BD51"/>
    <mergeCell ref="BE50:BL51"/>
    <mergeCell ref="AJ52:AK52"/>
    <mergeCell ref="AY52:AZ52"/>
    <mergeCell ref="BA52:BB52"/>
    <mergeCell ref="B49:D51"/>
    <mergeCell ref="E49:F51"/>
    <mergeCell ref="G49:V50"/>
    <mergeCell ref="X50:AA51"/>
    <mergeCell ref="W48:AD49"/>
    <mergeCell ref="AC50:AD51"/>
    <mergeCell ref="AY48:BD49"/>
    <mergeCell ref="AE50:AG51"/>
    <mergeCell ref="AH50:AI51"/>
    <mergeCell ref="AE48:AI49"/>
    <mergeCell ref="E41:F41"/>
    <mergeCell ref="BB42:BB44"/>
    <mergeCell ref="BC42:BC44"/>
    <mergeCell ref="BD42:BD44"/>
    <mergeCell ref="R42:R44"/>
    <mergeCell ref="AX42:AX44"/>
    <mergeCell ref="AY42:AY44"/>
    <mergeCell ref="AZ42:AZ44"/>
    <mergeCell ref="BA42:BA44"/>
    <mergeCell ref="AT42:AT44"/>
    <mergeCell ref="AE42:AE44"/>
    <mergeCell ref="AF42:AF44"/>
    <mergeCell ref="Y42:Y44"/>
    <mergeCell ref="Z42:Z44"/>
    <mergeCell ref="AA42:AA44"/>
    <mergeCell ref="AB42:AB44"/>
    <mergeCell ref="AU42:AU44"/>
    <mergeCell ref="AV42:AV44"/>
    <mergeCell ref="AW42:AW44"/>
    <mergeCell ref="AN42:AN44"/>
    <mergeCell ref="AO42:AO44"/>
    <mergeCell ref="AG42:AG44"/>
    <mergeCell ref="AH42:AH44"/>
    <mergeCell ref="AI42:AI44"/>
    <mergeCell ref="E37:F39"/>
    <mergeCell ref="BI42:BI44"/>
    <mergeCell ref="S42:S44"/>
    <mergeCell ref="Q42:Q44"/>
    <mergeCell ref="P42:P44"/>
    <mergeCell ref="O42:O44"/>
    <mergeCell ref="AB36:AH37"/>
    <mergeCell ref="U42:U44"/>
    <mergeCell ref="V42:V44"/>
    <mergeCell ref="W42:W44"/>
    <mergeCell ref="H42:H44"/>
    <mergeCell ref="N42:N44"/>
    <mergeCell ref="M42:M44"/>
    <mergeCell ref="L42:L44"/>
    <mergeCell ref="AC42:AC44"/>
    <mergeCell ref="I42:I44"/>
    <mergeCell ref="AD42:AD44"/>
    <mergeCell ref="AJ42:AJ44"/>
    <mergeCell ref="AL42:AL44"/>
    <mergeCell ref="T36:T39"/>
    <mergeCell ref="K42:K44"/>
    <mergeCell ref="J42:J44"/>
    <mergeCell ref="G37:S38"/>
    <mergeCell ref="X42:X44"/>
    <mergeCell ref="E31:F31"/>
    <mergeCell ref="B31:D31"/>
    <mergeCell ref="AR32:AR34"/>
    <mergeCell ref="AG38:AH39"/>
    <mergeCell ref="AL32:AL34"/>
    <mergeCell ref="O31:P31"/>
    <mergeCell ref="M31:N31"/>
    <mergeCell ref="K31:L31"/>
    <mergeCell ref="AH32:AH34"/>
    <mergeCell ref="AD32:AD34"/>
    <mergeCell ref="G31:H31"/>
    <mergeCell ref="AE38:AF39"/>
    <mergeCell ref="AC38:AD39"/>
    <mergeCell ref="AB38:AB39"/>
    <mergeCell ref="Z38:AA39"/>
    <mergeCell ref="AC32:AC34"/>
    <mergeCell ref="AH31:AI31"/>
    <mergeCell ref="AE32:AG34"/>
    <mergeCell ref="AE31:AG31"/>
    <mergeCell ref="U36:AA37"/>
    <mergeCell ref="I31:J31"/>
    <mergeCell ref="X38:Y39"/>
    <mergeCell ref="V38:W39"/>
    <mergeCell ref="U38:U39"/>
    <mergeCell ref="BZ42:BZ44"/>
    <mergeCell ref="BY42:BY44"/>
    <mergeCell ref="BX42:BX44"/>
    <mergeCell ref="BW42:BW44"/>
    <mergeCell ref="BV42:BV44"/>
    <mergeCell ref="BU42:BU44"/>
    <mergeCell ref="BT42:BT44"/>
    <mergeCell ref="AN32:AN34"/>
    <mergeCell ref="AM32:AM34"/>
    <mergeCell ref="BM42:BM44"/>
    <mergeCell ref="BN42:BN44"/>
    <mergeCell ref="AP37:AV38"/>
    <mergeCell ref="AI38:AO39"/>
    <mergeCell ref="AI36:AO37"/>
    <mergeCell ref="AK42:AK44"/>
    <mergeCell ref="AM42:AM44"/>
    <mergeCell ref="AK32:AK34"/>
    <mergeCell ref="AJ32:AJ34"/>
    <mergeCell ref="BL42:BL44"/>
    <mergeCell ref="BK37:BQ38"/>
    <mergeCell ref="AW37:BC38"/>
    <mergeCell ref="AT32:AT34"/>
    <mergeCell ref="AS32:AS34"/>
    <mergeCell ref="AQ32:AQ34"/>
    <mergeCell ref="BS42:BS44"/>
    <mergeCell ref="BR42:BR44"/>
    <mergeCell ref="BR38:BY39"/>
    <mergeCell ref="BR36:BY37"/>
    <mergeCell ref="AP42:AP44"/>
    <mergeCell ref="AQ42:AQ44"/>
    <mergeCell ref="AR42:AR44"/>
    <mergeCell ref="AS42:AS44"/>
    <mergeCell ref="BJ42:BJ44"/>
    <mergeCell ref="BK42:BK44"/>
    <mergeCell ref="BQ42:BQ44"/>
    <mergeCell ref="BE42:BE44"/>
    <mergeCell ref="BF42:BF44"/>
    <mergeCell ref="BG42:BG44"/>
    <mergeCell ref="BH42:BH44"/>
    <mergeCell ref="BO42:BO44"/>
    <mergeCell ref="BP42:BP44"/>
    <mergeCell ref="CB26:CB29"/>
    <mergeCell ref="CA26:CA29"/>
    <mergeCell ref="BO28:BZ29"/>
    <mergeCell ref="BO26:BZ27"/>
    <mergeCell ref="CA30:CB30"/>
    <mergeCell ref="AX32:AX34"/>
    <mergeCell ref="AW32:AW34"/>
    <mergeCell ref="AV32:AV34"/>
    <mergeCell ref="AU32:AU34"/>
    <mergeCell ref="AY32:AZ34"/>
    <mergeCell ref="AY31:AZ31"/>
    <mergeCell ref="AY26:BD27"/>
    <mergeCell ref="BC28:BD29"/>
    <mergeCell ref="BA28:BB29"/>
    <mergeCell ref="AY28:AZ29"/>
    <mergeCell ref="AN26:AV27"/>
    <mergeCell ref="AN28:AV29"/>
    <mergeCell ref="AY30:AZ30"/>
    <mergeCell ref="BA30:BB30"/>
    <mergeCell ref="AP32:AP34"/>
    <mergeCell ref="AO32:AO34"/>
    <mergeCell ref="BZ36:BZ39"/>
    <mergeCell ref="BD37:BJ38"/>
    <mergeCell ref="BA32:BB34"/>
    <mergeCell ref="BA31:BB31"/>
    <mergeCell ref="BC31:BD31"/>
    <mergeCell ref="BC32:BC34"/>
    <mergeCell ref="BD32:BD34"/>
    <mergeCell ref="CA32:CB34"/>
    <mergeCell ref="BO31:BZ34"/>
    <mergeCell ref="CA31:CB31"/>
    <mergeCell ref="BE31:BL34"/>
    <mergeCell ref="BM32:BM34"/>
    <mergeCell ref="BN32:BN34"/>
    <mergeCell ref="G32:H34"/>
    <mergeCell ref="U32:V34"/>
    <mergeCell ref="S32:T34"/>
    <mergeCell ref="Q32:R34"/>
    <mergeCell ref="O32:P34"/>
    <mergeCell ref="AJ30:AK30"/>
    <mergeCell ref="M32:N34"/>
    <mergeCell ref="K32:L34"/>
    <mergeCell ref="I32:J34"/>
    <mergeCell ref="AI32:AI34"/>
    <mergeCell ref="W31:AB31"/>
    <mergeCell ref="U31:V31"/>
    <mergeCell ref="S31:T31"/>
    <mergeCell ref="Q31:R31"/>
    <mergeCell ref="AC31:AD31"/>
    <mergeCell ref="W32:AB34"/>
    <mergeCell ref="AJ31:AK31"/>
    <mergeCell ref="G27:V28"/>
    <mergeCell ref="AC28:AD29"/>
    <mergeCell ref="D20:D21"/>
    <mergeCell ref="AA1:AZ2"/>
    <mergeCell ref="Y1:Z2"/>
    <mergeCell ref="BA1:BB2"/>
    <mergeCell ref="X28:AA29"/>
    <mergeCell ref="W26:AD27"/>
    <mergeCell ref="B15:C17"/>
    <mergeCell ref="D15:H17"/>
    <mergeCell ref="E19:E22"/>
    <mergeCell ref="F19:F22"/>
    <mergeCell ref="G19:G22"/>
    <mergeCell ref="H19:H22"/>
    <mergeCell ref="B20:C21"/>
    <mergeCell ref="B27:D29"/>
    <mergeCell ref="E27:F29"/>
    <mergeCell ref="I15:AV17"/>
    <mergeCell ref="I18:AV19"/>
    <mergeCell ref="AJ26:AK29"/>
    <mergeCell ref="AW15:BL16"/>
    <mergeCell ref="AW17:BL21"/>
    <mergeCell ref="BJ2:BQ2"/>
    <mergeCell ref="AH28:AI29"/>
    <mergeCell ref="AE28:AG29"/>
    <mergeCell ref="AE26:AI27"/>
    <mergeCell ref="BN28:BN29"/>
    <mergeCell ref="BM26:BM29"/>
    <mergeCell ref="BE28:BL29"/>
    <mergeCell ref="BE26:BL27"/>
    <mergeCell ref="BB9:BY10"/>
    <mergeCell ref="BR20:BS21"/>
    <mergeCell ref="BV20:BW21"/>
    <mergeCell ref="BT16:BV19"/>
    <mergeCell ref="BO16:BQ19"/>
    <mergeCell ref="BO23:BR24"/>
  </mergeCells>
  <phoneticPr fontId="2"/>
  <pageMargins left="0.39370078740157483" right="0.39370078740157483" top="0.59055118110236227" bottom="0.19685039370078741" header="0.59055118110236227" footer="0.19685039370078741"/>
  <pageSetup paperSize="9" scale="79" orientation="landscape" cellComments="asDisplayed" r:id="rId1"/>
  <headerFooter alignWithMargins="0">
    <oddFooter>&amp;C&amp;14 ８</oddFooter>
  </headerFooter>
  <drawing r:id="rId2"/>
  <legacy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A1:CC209"/>
  <sheetViews>
    <sheetView view="pageBreakPreview" topLeftCell="A22" zoomScaleNormal="100" zoomScaleSheetLayoutView="100" workbookViewId="0">
      <selection activeCell="AR105" sqref="AR105"/>
    </sheetView>
  </sheetViews>
  <sheetFormatPr defaultRowHeight="14.4"/>
  <cols>
    <col min="1" max="81" width="2" customWidth="1"/>
    <col min="82" max="84" width="1.796875" customWidth="1"/>
    <col min="85" max="99" width="2" customWidth="1"/>
  </cols>
  <sheetData>
    <row r="1" spans="1:81" ht="9" customHeight="1">
      <c r="AA1" s="217"/>
      <c r="AB1" s="217"/>
      <c r="AC1" s="217"/>
      <c r="AD1" s="217"/>
      <c r="AE1" s="217"/>
      <c r="AF1" s="217"/>
      <c r="AG1" s="217"/>
      <c r="AH1" s="217"/>
      <c r="AI1" s="217"/>
      <c r="AJ1" s="217"/>
      <c r="AK1" s="217"/>
      <c r="AL1" s="217"/>
      <c r="AM1" s="217"/>
      <c r="AN1" s="217"/>
      <c r="AO1" s="217"/>
      <c r="AP1" s="217"/>
      <c r="AQ1" s="217"/>
      <c r="AR1" s="217"/>
      <c r="AS1" s="217"/>
      <c r="AT1" s="217"/>
      <c r="AU1" s="217"/>
      <c r="AV1" s="217"/>
      <c r="AW1" s="217"/>
      <c r="AX1" s="217"/>
      <c r="AY1" s="217"/>
      <c r="AZ1" s="217"/>
      <c r="BA1" s="217"/>
      <c r="BB1" s="217"/>
      <c r="BC1" s="217"/>
      <c r="BD1" s="217"/>
      <c r="BE1" s="289"/>
    </row>
    <row r="2" spans="1:81" ht="15" customHeight="1">
      <c r="Z2" s="1635" t="s">
        <v>25</v>
      </c>
      <c r="AA2" s="1636"/>
      <c r="AB2" s="1636"/>
      <c r="AC2" s="1636"/>
      <c r="AD2" s="1636"/>
      <c r="AE2" s="1636"/>
      <c r="AF2" s="1636"/>
      <c r="AG2" s="1636"/>
      <c r="AH2" s="1636"/>
      <c r="AI2" s="1636"/>
      <c r="AJ2" s="1636"/>
      <c r="AK2" s="1636"/>
      <c r="AL2" s="1636"/>
      <c r="AM2" s="1636"/>
      <c r="AN2" s="1636"/>
      <c r="AO2" s="1636"/>
      <c r="AP2" s="1636"/>
      <c r="AQ2" s="1636"/>
      <c r="AR2" s="1636"/>
      <c r="AS2" s="1636"/>
      <c r="AT2" s="1636"/>
      <c r="AU2" s="1636"/>
      <c r="AV2" s="1636"/>
      <c r="AW2" s="1636"/>
      <c r="AX2" s="1636"/>
      <c r="AY2" s="1636"/>
      <c r="AZ2" s="1636"/>
      <c r="BA2" s="1636"/>
      <c r="BB2" s="1636"/>
      <c r="BC2" s="1636"/>
      <c r="BD2" s="1636"/>
      <c r="BE2" s="1637"/>
      <c r="BG2" s="19"/>
      <c r="BH2" s="1676" t="s">
        <v>26</v>
      </c>
      <c r="BI2" s="1676"/>
      <c r="BJ2" s="1677"/>
      <c r="BK2" s="1677"/>
      <c r="BL2" s="1677"/>
      <c r="BM2" s="1677"/>
      <c r="BN2" s="1677"/>
      <c r="BO2" s="1678"/>
      <c r="BP2" s="1678"/>
      <c r="BQ2" s="1679"/>
      <c r="BR2" s="3"/>
    </row>
    <row r="3" spans="1:81" ht="12.75" customHeight="1">
      <c r="BG3" s="33" t="s">
        <v>84</v>
      </c>
    </row>
    <row r="4" spans="1:81">
      <c r="A4" s="33" t="s">
        <v>83</v>
      </c>
      <c r="B4" s="285"/>
      <c r="C4" s="285"/>
      <c r="D4" s="285"/>
      <c r="E4" s="285"/>
      <c r="F4" s="285"/>
      <c r="G4" s="285"/>
      <c r="H4" s="285"/>
      <c r="I4" s="285"/>
      <c r="J4" s="285"/>
      <c r="K4" s="285"/>
      <c r="L4" s="285"/>
      <c r="M4" s="285"/>
      <c r="N4" s="285"/>
      <c r="O4" s="285"/>
      <c r="P4" s="285"/>
      <c r="Q4" s="285"/>
      <c r="R4" s="285"/>
      <c r="S4" s="285"/>
      <c r="T4" s="285"/>
      <c r="U4" s="285"/>
      <c r="V4" s="285"/>
      <c r="W4" s="285"/>
      <c r="X4" s="285"/>
      <c r="Y4" s="285"/>
      <c r="Z4" s="285"/>
      <c r="AA4" s="285"/>
      <c r="AB4" s="285"/>
      <c r="AC4" s="285"/>
      <c r="BG4" s="33" t="s">
        <v>85</v>
      </c>
    </row>
    <row r="5" spans="1:81" ht="6" customHeight="1" thickBot="1"/>
    <row r="6" spans="1:81" ht="8.25" customHeight="1">
      <c r="A6" s="9"/>
      <c r="B6" s="10"/>
      <c r="C6" s="8"/>
      <c r="D6" s="9"/>
      <c r="E6" s="497"/>
      <c r="F6" s="519"/>
      <c r="G6" s="520"/>
      <c r="H6" s="520"/>
      <c r="I6" s="520"/>
      <c r="J6" s="520"/>
      <c r="K6" s="520"/>
      <c r="L6" s="520"/>
      <c r="M6" s="520"/>
      <c r="N6" s="520"/>
      <c r="O6" s="520"/>
      <c r="P6" s="520"/>
      <c r="Q6" s="520"/>
      <c r="R6" s="520"/>
      <c r="S6" s="520"/>
      <c r="T6" s="520"/>
      <c r="U6" s="521"/>
      <c r="V6" s="1453" t="s">
        <v>3</v>
      </c>
      <c r="W6" s="1454"/>
      <c r="X6" s="1454"/>
      <c r="Y6" s="1454"/>
      <c r="Z6" s="1455"/>
      <c r="AA6" s="1681" t="s">
        <v>7</v>
      </c>
      <c r="AB6" s="1309"/>
      <c r="AC6" s="1309"/>
      <c r="AD6" s="1309"/>
      <c r="AE6" s="1309"/>
      <c r="AF6" s="1309"/>
      <c r="AG6" s="1309"/>
      <c r="AH6" s="1309"/>
      <c r="AI6" s="1309"/>
      <c r="AJ6" s="1309"/>
      <c r="AK6" s="1309"/>
      <c r="AL6" s="1309"/>
      <c r="AM6" s="1309"/>
      <c r="AN6" s="1309"/>
      <c r="AO6" s="1309"/>
      <c r="AP6" s="1309"/>
      <c r="AQ6" s="1638"/>
      <c r="AR6" s="1219" t="s">
        <v>8</v>
      </c>
      <c r="AS6" s="1172"/>
      <c r="AT6" s="1172"/>
      <c r="AU6" s="1172"/>
      <c r="AV6" s="1172"/>
      <c r="AW6" s="1172"/>
      <c r="AX6" s="1172"/>
      <c r="AY6" s="1172"/>
      <c r="AZ6" s="1172"/>
      <c r="BA6" s="1172"/>
      <c r="BB6" s="1172"/>
      <c r="BC6" s="1172"/>
      <c r="BD6" s="1172"/>
      <c r="BE6" s="1172"/>
      <c r="BF6" s="1613" t="s">
        <v>15</v>
      </c>
      <c r="BG6" s="1614"/>
      <c r="BH6" s="1614"/>
      <c r="BI6" s="1614"/>
      <c r="BJ6" s="1614"/>
      <c r="BK6" s="1615"/>
      <c r="BL6" s="497"/>
      <c r="BM6" s="10"/>
      <c r="BN6" s="10"/>
      <c r="BO6" s="10"/>
      <c r="BP6" s="10"/>
      <c r="BQ6" s="10"/>
      <c r="BR6" s="497"/>
      <c r="BS6" s="1611" t="s">
        <v>20</v>
      </c>
      <c r="BT6" s="1172" t="s">
        <v>338</v>
      </c>
      <c r="BU6" s="1309"/>
      <c r="BV6" s="1309"/>
      <c r="BW6" s="1309"/>
      <c r="BX6" s="1309"/>
      <c r="BY6" s="1309"/>
      <c r="BZ6" s="1309"/>
      <c r="CA6" s="1309"/>
      <c r="CB6" s="1550" t="s">
        <v>21</v>
      </c>
      <c r="CC6" s="1607" t="s">
        <v>22</v>
      </c>
    </row>
    <row r="7" spans="1:81" ht="8.25" customHeight="1" thickBot="1">
      <c r="A7" s="1480" t="s">
        <v>0</v>
      </c>
      <c r="B7" s="1481"/>
      <c r="C7" s="1482"/>
      <c r="D7" s="1230" t="s">
        <v>1</v>
      </c>
      <c r="E7" s="1619"/>
      <c r="F7" s="522"/>
      <c r="G7" s="523"/>
      <c r="H7" s="523"/>
      <c r="I7" s="523"/>
      <c r="J7" s="523"/>
      <c r="K7" s="523"/>
      <c r="L7" s="523"/>
      <c r="M7" s="523"/>
      <c r="N7" s="523"/>
      <c r="O7" s="523"/>
      <c r="P7" s="523"/>
      <c r="Q7" s="523"/>
      <c r="R7" s="523"/>
      <c r="S7" s="523"/>
      <c r="T7" s="523"/>
      <c r="U7" s="524"/>
      <c r="V7" s="1456"/>
      <c r="W7" s="1457"/>
      <c r="X7" s="1457"/>
      <c r="Y7" s="1457"/>
      <c r="Z7" s="1458"/>
      <c r="AA7" s="1311"/>
      <c r="AB7" s="1311"/>
      <c r="AC7" s="1311"/>
      <c r="AD7" s="1311"/>
      <c r="AE7" s="1311"/>
      <c r="AF7" s="1311"/>
      <c r="AG7" s="1311"/>
      <c r="AH7" s="1311"/>
      <c r="AI7" s="1311"/>
      <c r="AJ7" s="1311"/>
      <c r="AK7" s="1311"/>
      <c r="AL7" s="1311"/>
      <c r="AM7" s="1311"/>
      <c r="AN7" s="1311"/>
      <c r="AO7" s="1311"/>
      <c r="AP7" s="1311"/>
      <c r="AQ7" s="1682"/>
      <c r="AR7" s="1221"/>
      <c r="AS7" s="1191"/>
      <c r="AT7" s="1191"/>
      <c r="AU7" s="1191"/>
      <c r="AV7" s="1191"/>
      <c r="AW7" s="1191"/>
      <c r="AX7" s="1191"/>
      <c r="AY7" s="1191"/>
      <c r="AZ7" s="1191"/>
      <c r="BA7" s="1191"/>
      <c r="BB7" s="1191"/>
      <c r="BC7" s="1191"/>
      <c r="BD7" s="1191"/>
      <c r="BE7" s="1191"/>
      <c r="BF7" s="1616" t="s">
        <v>16</v>
      </c>
      <c r="BG7" s="1617"/>
      <c r="BH7" s="1617"/>
      <c r="BI7" s="1617"/>
      <c r="BJ7" s="1617"/>
      <c r="BK7" s="1618"/>
      <c r="BL7" s="1598" t="s">
        <v>17</v>
      </c>
      <c r="BM7" s="1599"/>
      <c r="BN7" s="1599"/>
      <c r="BO7" s="1599"/>
      <c r="BP7" s="1599"/>
      <c r="BQ7" s="1599"/>
      <c r="BR7" s="1600"/>
      <c r="BS7" s="1612"/>
      <c r="BT7" s="828"/>
      <c r="BU7" s="1311"/>
      <c r="BV7" s="1311"/>
      <c r="BW7" s="1311"/>
      <c r="BX7" s="1311"/>
      <c r="BY7" s="1311"/>
      <c r="BZ7" s="1311"/>
      <c r="CA7" s="1311"/>
      <c r="CB7" s="1547"/>
      <c r="CC7" s="1602"/>
    </row>
    <row r="8" spans="1:81" ht="9.75" customHeight="1">
      <c r="A8" s="1480"/>
      <c r="B8" s="1481"/>
      <c r="C8" s="1482"/>
      <c r="D8" s="1230"/>
      <c r="E8" s="1619"/>
      <c r="F8" s="522"/>
      <c r="G8" s="523"/>
      <c r="H8" s="1452" t="s">
        <v>23</v>
      </c>
      <c r="I8" s="1452"/>
      <c r="J8" s="1452"/>
      <c r="K8" s="1452"/>
      <c r="L8" s="1452"/>
      <c r="M8" s="1452"/>
      <c r="N8" s="1452"/>
      <c r="O8" s="1452"/>
      <c r="P8" s="1452"/>
      <c r="Q8" s="1452"/>
      <c r="R8" s="1452"/>
      <c r="S8" s="1452"/>
      <c r="T8" s="523"/>
      <c r="U8" s="524"/>
      <c r="V8" s="1502" t="s">
        <v>2</v>
      </c>
      <c r="W8" s="1503"/>
      <c r="X8" s="1504"/>
      <c r="Y8" s="1507" t="s">
        <v>86</v>
      </c>
      <c r="Z8" s="1508"/>
      <c r="AA8" s="1172" t="s">
        <v>4</v>
      </c>
      <c r="AB8" s="1309"/>
      <c r="AC8" s="1638"/>
      <c r="AD8" s="1569" t="s">
        <v>86</v>
      </c>
      <c r="AE8" s="1638"/>
      <c r="AF8" s="1483" t="s">
        <v>5</v>
      </c>
      <c r="AG8" s="1484"/>
      <c r="AH8" s="1484"/>
      <c r="AI8" s="1484"/>
      <c r="AJ8" s="1484"/>
      <c r="AK8" s="1484"/>
      <c r="AL8" s="1484"/>
      <c r="AM8" s="1485"/>
      <c r="AN8" s="1219" t="s">
        <v>6</v>
      </c>
      <c r="AO8" s="1309"/>
      <c r="AP8" s="1309"/>
      <c r="AQ8" s="1309"/>
      <c r="AR8" s="1653" t="s">
        <v>9</v>
      </c>
      <c r="AS8" s="1172" t="s">
        <v>24</v>
      </c>
      <c r="AT8" s="1172"/>
      <c r="AU8" s="1172"/>
      <c r="AV8" s="1172"/>
      <c r="AW8" s="1172"/>
      <c r="AX8" s="1172"/>
      <c r="AY8" s="1172"/>
      <c r="AZ8" s="1172"/>
      <c r="BA8" s="1172"/>
      <c r="BB8" s="1172"/>
      <c r="BC8" s="1172"/>
      <c r="BD8" s="1172"/>
      <c r="BE8" s="1172"/>
      <c r="BF8" s="1546" t="s">
        <v>10</v>
      </c>
      <c r="BG8" s="1544" t="s">
        <v>11</v>
      </c>
      <c r="BH8" s="1608" t="s">
        <v>12</v>
      </c>
      <c r="BI8" s="1544" t="s">
        <v>9</v>
      </c>
      <c r="BJ8" s="1608" t="s">
        <v>13</v>
      </c>
      <c r="BK8" s="1601" t="s">
        <v>14</v>
      </c>
      <c r="BL8" s="1600"/>
      <c r="BM8" s="1599"/>
      <c r="BN8" s="1599"/>
      <c r="BO8" s="1599"/>
      <c r="BP8" s="1599"/>
      <c r="BQ8" s="1599"/>
      <c r="BR8" s="1600"/>
      <c r="BS8" s="1612"/>
      <c r="BT8" s="1607" t="s">
        <v>9</v>
      </c>
      <c r="BU8" s="1172" t="s">
        <v>222</v>
      </c>
      <c r="BV8" s="1309"/>
      <c r="BW8" s="1309"/>
      <c r="BX8" s="1309"/>
      <c r="BY8" s="1309"/>
      <c r="BZ8" s="1309"/>
      <c r="CA8" s="1309"/>
      <c r="CB8" s="1547"/>
      <c r="CC8" s="1602"/>
    </row>
    <row r="9" spans="1:81" ht="9.75" customHeight="1">
      <c r="A9" s="1480"/>
      <c r="B9" s="1481"/>
      <c r="C9" s="1482"/>
      <c r="D9" s="1230"/>
      <c r="E9" s="1619"/>
      <c r="F9" s="522"/>
      <c r="G9" s="523"/>
      <c r="H9" s="1452"/>
      <c r="I9" s="1452"/>
      <c r="J9" s="1452"/>
      <c r="K9" s="1452"/>
      <c r="L9" s="1452"/>
      <c r="M9" s="1452"/>
      <c r="N9" s="1452"/>
      <c r="O9" s="1452"/>
      <c r="P9" s="1452"/>
      <c r="Q9" s="1452"/>
      <c r="R9" s="1452"/>
      <c r="S9" s="1452"/>
      <c r="T9" s="523"/>
      <c r="U9" s="524"/>
      <c r="V9" s="1505"/>
      <c r="W9" s="1452"/>
      <c r="X9" s="1506"/>
      <c r="Y9" s="1509"/>
      <c r="Z9" s="1510"/>
      <c r="AA9" s="828"/>
      <c r="AB9" s="1310"/>
      <c r="AC9" s="1639"/>
      <c r="AD9" s="827"/>
      <c r="AE9" s="1639"/>
      <c r="AF9" s="1486"/>
      <c r="AG9" s="1487"/>
      <c r="AH9" s="1487"/>
      <c r="AI9" s="1487"/>
      <c r="AJ9" s="1487"/>
      <c r="AK9" s="1487"/>
      <c r="AL9" s="1487"/>
      <c r="AM9" s="1488"/>
      <c r="AN9" s="827"/>
      <c r="AO9" s="1310"/>
      <c r="AP9" s="1310"/>
      <c r="AQ9" s="828"/>
      <c r="AR9" s="1654"/>
      <c r="AS9" s="886"/>
      <c r="AT9" s="886"/>
      <c r="AU9" s="886"/>
      <c r="AV9" s="886"/>
      <c r="AW9" s="886"/>
      <c r="AX9" s="886"/>
      <c r="AY9" s="886"/>
      <c r="AZ9" s="886"/>
      <c r="BA9" s="886"/>
      <c r="BB9" s="886"/>
      <c r="BC9" s="886"/>
      <c r="BD9" s="886"/>
      <c r="BE9" s="886"/>
      <c r="BF9" s="1547"/>
      <c r="BG9" s="1545"/>
      <c r="BH9" s="1609"/>
      <c r="BI9" s="1545"/>
      <c r="BJ9" s="1609"/>
      <c r="BK9" s="1602"/>
      <c r="BL9" s="1598" t="s">
        <v>18</v>
      </c>
      <c r="BM9" s="1599"/>
      <c r="BN9" s="1599"/>
      <c r="BO9" s="1599"/>
      <c r="BP9" s="1599"/>
      <c r="BQ9" s="1599"/>
      <c r="BR9" s="1600"/>
      <c r="BS9" s="1612"/>
      <c r="BT9" s="1610"/>
      <c r="BU9" s="828"/>
      <c r="BV9" s="1310"/>
      <c r="BW9" s="1310"/>
      <c r="BX9" s="1310"/>
      <c r="BY9" s="1310"/>
      <c r="BZ9" s="1310"/>
      <c r="CA9" s="828"/>
      <c r="CB9" s="1547"/>
      <c r="CC9" s="1602"/>
    </row>
    <row r="10" spans="1:81" ht="9.75" customHeight="1">
      <c r="A10" s="1480"/>
      <c r="B10" s="1481"/>
      <c r="C10" s="1482"/>
      <c r="D10" s="1230"/>
      <c r="E10" s="1619"/>
      <c r="F10" s="522"/>
      <c r="G10" s="523"/>
      <c r="H10" s="523"/>
      <c r="I10" s="523"/>
      <c r="J10" s="523"/>
      <c r="K10" s="523"/>
      <c r="L10" s="523"/>
      <c r="M10" s="523"/>
      <c r="N10" s="523"/>
      <c r="O10" s="523"/>
      <c r="P10" s="523"/>
      <c r="Q10" s="523"/>
      <c r="R10" s="523"/>
      <c r="S10" s="523"/>
      <c r="T10" s="523"/>
      <c r="U10" s="524"/>
      <c r="V10" s="1505"/>
      <c r="W10" s="1452"/>
      <c r="X10" s="1506"/>
      <c r="Y10" s="1509"/>
      <c r="Z10" s="1510"/>
      <c r="AA10" s="828"/>
      <c r="AB10" s="1310"/>
      <c r="AC10" s="1639"/>
      <c r="AD10" s="827"/>
      <c r="AE10" s="1639"/>
      <c r="AF10" s="1486"/>
      <c r="AG10" s="1487"/>
      <c r="AH10" s="1487"/>
      <c r="AI10" s="1487"/>
      <c r="AJ10" s="1487"/>
      <c r="AK10" s="1487"/>
      <c r="AL10" s="1487"/>
      <c r="AM10" s="1488"/>
      <c r="AN10" s="827"/>
      <c r="AO10" s="1310"/>
      <c r="AP10" s="1310"/>
      <c r="AQ10" s="828"/>
      <c r="AR10" s="1654"/>
      <c r="AS10" s="886"/>
      <c r="AT10" s="886"/>
      <c r="AU10" s="886"/>
      <c r="AV10" s="886"/>
      <c r="AW10" s="886"/>
      <c r="AX10" s="886"/>
      <c r="AY10" s="886"/>
      <c r="AZ10" s="886"/>
      <c r="BA10" s="886"/>
      <c r="BB10" s="886"/>
      <c r="BC10" s="886"/>
      <c r="BD10" s="886"/>
      <c r="BE10" s="886"/>
      <c r="BF10" s="1547"/>
      <c r="BG10" s="1545"/>
      <c r="BH10" s="1609"/>
      <c r="BI10" s="1545"/>
      <c r="BJ10" s="1609"/>
      <c r="BK10" s="1602"/>
      <c r="BL10" s="1600"/>
      <c r="BM10" s="1599"/>
      <c r="BN10" s="1599"/>
      <c r="BO10" s="1599"/>
      <c r="BP10" s="1599"/>
      <c r="BQ10" s="1599"/>
      <c r="BR10" s="1600"/>
      <c r="BS10" s="1612"/>
      <c r="BT10" s="1610"/>
      <c r="BU10" s="828"/>
      <c r="BV10" s="1310"/>
      <c r="BW10" s="1310"/>
      <c r="BX10" s="1310"/>
      <c r="BY10" s="1310"/>
      <c r="BZ10" s="1310"/>
      <c r="CA10" s="828"/>
      <c r="CB10" s="1547"/>
      <c r="CC10" s="1602"/>
    </row>
    <row r="11" spans="1:81" s="103" customFormat="1" ht="8.25" customHeight="1">
      <c r="A11" s="7"/>
      <c r="B11" s="64"/>
      <c r="C11" s="6"/>
      <c r="D11" s="7"/>
      <c r="E11" s="224"/>
      <c r="F11" s="525"/>
      <c r="G11" s="508"/>
      <c r="H11" s="508"/>
      <c r="I11" s="508"/>
      <c r="J11" s="508"/>
      <c r="K11" s="508"/>
      <c r="L11" s="508"/>
      <c r="M11" s="508"/>
      <c r="N11" s="508"/>
      <c r="O11" s="508"/>
      <c r="P11" s="508"/>
      <c r="Q11" s="508"/>
      <c r="R11" s="508"/>
      <c r="S11" s="508"/>
      <c r="T11" s="508"/>
      <c r="U11" s="526"/>
      <c r="V11" s="527"/>
      <c r="W11" s="528"/>
      <c r="X11" s="528"/>
      <c r="Y11" s="529"/>
      <c r="Z11" s="526"/>
      <c r="AA11" s="502"/>
      <c r="AB11" s="64"/>
      <c r="AC11" s="65"/>
      <c r="AD11" s="7"/>
      <c r="AE11" s="6"/>
      <c r="AF11" s="17"/>
      <c r="AG11" s="17"/>
      <c r="AH11" s="17"/>
      <c r="AI11" s="17"/>
      <c r="AJ11" s="11"/>
      <c r="AK11" s="11"/>
      <c r="AL11" s="11"/>
      <c r="AM11" s="13"/>
      <c r="AN11" s="14"/>
      <c r="AO11" s="16"/>
      <c r="AP11" s="16"/>
      <c r="AQ11" s="16"/>
      <c r="AR11" s="530"/>
      <c r="AS11" s="223"/>
      <c r="AT11" s="221"/>
      <c r="AU11" s="222"/>
      <c r="AV11" s="221"/>
      <c r="AW11" s="223"/>
      <c r="AX11" s="221"/>
      <c r="AY11" s="222"/>
      <c r="AZ11" s="221"/>
      <c r="BA11" s="223"/>
      <c r="BB11" s="221"/>
      <c r="BC11" s="221"/>
      <c r="BD11" s="221"/>
      <c r="BE11" s="222"/>
      <c r="BF11" s="1548"/>
      <c r="BG11" s="1549"/>
      <c r="BH11" s="1597"/>
      <c r="BI11" s="1549"/>
      <c r="BJ11" s="531"/>
      <c r="BK11" s="532"/>
      <c r="BL11" s="502"/>
      <c r="BM11" s="64"/>
      <c r="BN11" s="64"/>
      <c r="BO11" s="64"/>
      <c r="BP11" s="64"/>
      <c r="BQ11" s="64"/>
      <c r="BR11" s="502"/>
      <c r="BS11" s="514"/>
      <c r="BT11" s="533"/>
      <c r="BU11" s="16"/>
      <c r="BV11" s="16"/>
      <c r="BW11" s="16"/>
      <c r="BX11" s="16"/>
      <c r="BY11" s="16"/>
      <c r="BZ11" s="16"/>
      <c r="CA11" s="16"/>
      <c r="CB11" s="1592"/>
      <c r="CC11" s="1593"/>
    </row>
    <row r="12" spans="1:81" ht="9.75" customHeight="1">
      <c r="A12" s="1511">
        <v>0</v>
      </c>
      <c r="B12" s="1514">
        <v>0</v>
      </c>
      <c r="C12" s="1526">
        <v>1</v>
      </c>
      <c r="D12" s="51"/>
      <c r="E12" s="517"/>
      <c r="F12" s="1529" t="s">
        <v>27</v>
      </c>
      <c r="G12" s="1519"/>
      <c r="H12" s="1518" t="s">
        <v>28</v>
      </c>
      <c r="I12" s="1519"/>
      <c r="J12" s="1518" t="s">
        <v>29</v>
      </c>
      <c r="K12" s="1519"/>
      <c r="L12" s="1518" t="s">
        <v>30</v>
      </c>
      <c r="M12" s="1519"/>
      <c r="N12" s="1518" t="s">
        <v>31</v>
      </c>
      <c r="O12" s="1519"/>
      <c r="P12" s="1518"/>
      <c r="Q12" s="1519"/>
      <c r="R12" s="1518"/>
      <c r="S12" s="1519"/>
      <c r="T12" s="1518"/>
      <c r="U12" s="1532"/>
      <c r="V12" s="1535" t="s">
        <v>32</v>
      </c>
      <c r="W12" s="1536"/>
      <c r="X12" s="1537"/>
      <c r="Y12" s="1511">
        <v>1</v>
      </c>
      <c r="Z12" s="1647">
        <v>2</v>
      </c>
      <c r="AA12" s="1640" t="s">
        <v>33</v>
      </c>
      <c r="AB12" s="1641"/>
      <c r="AC12" s="1642"/>
      <c r="AD12" s="1511">
        <v>0</v>
      </c>
      <c r="AE12" s="1526">
        <v>2</v>
      </c>
      <c r="AF12" s="1489" t="s">
        <v>790</v>
      </c>
      <c r="AG12" s="1490"/>
      <c r="AH12" s="1490"/>
      <c r="AI12" s="1490"/>
      <c r="AJ12" s="1490"/>
      <c r="AK12" s="1490"/>
      <c r="AL12" s="1490"/>
      <c r="AM12" s="1491"/>
      <c r="AN12" s="1563">
        <v>1234</v>
      </c>
      <c r="AO12" s="1309"/>
      <c r="AP12" s="1309"/>
      <c r="AQ12" s="1309"/>
      <c r="AR12" s="1594">
        <v>1</v>
      </c>
      <c r="AS12" s="1683">
        <v>1</v>
      </c>
      <c r="AT12" s="1557">
        <v>4</v>
      </c>
      <c r="AU12" s="1554" t="s">
        <v>144</v>
      </c>
      <c r="AV12" s="52"/>
      <c r="AW12" s="1560">
        <v>0</v>
      </c>
      <c r="AX12" s="1557">
        <v>0</v>
      </c>
      <c r="AY12" s="1554">
        <v>1</v>
      </c>
      <c r="AZ12" s="52"/>
      <c r="BA12" s="1560">
        <v>0</v>
      </c>
      <c r="BB12" s="1557">
        <v>0</v>
      </c>
      <c r="BC12" s="1557">
        <v>0</v>
      </c>
      <c r="BD12" s="1557">
        <v>0</v>
      </c>
      <c r="BE12" s="1650">
        <v>1</v>
      </c>
      <c r="BF12" s="1535">
        <v>5</v>
      </c>
      <c r="BG12" s="1537"/>
      <c r="BH12" s="1563">
        <v>1</v>
      </c>
      <c r="BI12" s="1537"/>
      <c r="BJ12" s="1563">
        <v>40</v>
      </c>
      <c r="BK12" s="1566"/>
      <c r="BL12" s="506"/>
      <c r="BM12" s="218"/>
      <c r="BN12" s="218"/>
      <c r="BO12" s="218"/>
      <c r="BP12" s="218"/>
      <c r="BQ12" s="218"/>
      <c r="BR12" s="506"/>
      <c r="BS12" s="1594">
        <v>3</v>
      </c>
      <c r="BT12" s="1566">
        <v>0</v>
      </c>
      <c r="BU12" s="506"/>
      <c r="BV12" s="218"/>
      <c r="BW12" s="218"/>
      <c r="BX12" s="218"/>
      <c r="BY12" s="218"/>
      <c r="BZ12" s="218"/>
      <c r="CA12" s="506"/>
      <c r="CB12" s="1535">
        <v>2</v>
      </c>
      <c r="CC12" s="1566"/>
    </row>
    <row r="13" spans="1:81" ht="9.75" customHeight="1">
      <c r="A13" s="1512"/>
      <c r="B13" s="1515"/>
      <c r="C13" s="1527"/>
      <c r="D13" s="1524" t="s">
        <v>145</v>
      </c>
      <c r="E13" s="1525"/>
      <c r="F13" s="1530"/>
      <c r="G13" s="1521"/>
      <c r="H13" s="1520"/>
      <c r="I13" s="1521"/>
      <c r="J13" s="1520"/>
      <c r="K13" s="1521"/>
      <c r="L13" s="1520"/>
      <c r="M13" s="1521"/>
      <c r="N13" s="1520"/>
      <c r="O13" s="1521"/>
      <c r="P13" s="1520"/>
      <c r="Q13" s="1521"/>
      <c r="R13" s="1520"/>
      <c r="S13" s="1521"/>
      <c r="T13" s="1520"/>
      <c r="U13" s="1533"/>
      <c r="V13" s="1538"/>
      <c r="W13" s="1539"/>
      <c r="X13" s="1540"/>
      <c r="Y13" s="1512"/>
      <c r="Z13" s="1648"/>
      <c r="AA13" s="1643"/>
      <c r="AB13" s="895"/>
      <c r="AC13" s="1644"/>
      <c r="AD13" s="1605"/>
      <c r="AE13" s="1603"/>
      <c r="AF13" s="1492"/>
      <c r="AG13" s="1493"/>
      <c r="AH13" s="1493"/>
      <c r="AI13" s="1493"/>
      <c r="AJ13" s="1493"/>
      <c r="AK13" s="1493"/>
      <c r="AL13" s="1493"/>
      <c r="AM13" s="1494"/>
      <c r="AN13" s="827"/>
      <c r="AO13" s="1310"/>
      <c r="AP13" s="1310"/>
      <c r="AQ13" s="828"/>
      <c r="AR13" s="1595"/>
      <c r="AS13" s="1684"/>
      <c r="AT13" s="1558"/>
      <c r="AU13" s="1555"/>
      <c r="AV13" s="53" t="s">
        <v>146</v>
      </c>
      <c r="AW13" s="1561"/>
      <c r="AX13" s="1558"/>
      <c r="AY13" s="1555"/>
      <c r="AZ13" s="53" t="s">
        <v>146</v>
      </c>
      <c r="BA13" s="1561"/>
      <c r="BB13" s="1558"/>
      <c r="BC13" s="1558"/>
      <c r="BD13" s="1558"/>
      <c r="BE13" s="1651"/>
      <c r="BF13" s="1538"/>
      <c r="BG13" s="1540"/>
      <c r="BH13" s="1564"/>
      <c r="BI13" s="1540"/>
      <c r="BJ13" s="1564"/>
      <c r="BK13" s="1567"/>
      <c r="BL13" s="507"/>
      <c r="BM13" s="219"/>
      <c r="BN13" s="219"/>
      <c r="BO13" s="219"/>
      <c r="BP13" s="219"/>
      <c r="BQ13" s="219"/>
      <c r="BR13" s="507"/>
      <c r="BS13" s="1595"/>
      <c r="BT13" s="1567"/>
      <c r="BU13" s="507"/>
      <c r="BV13" s="219"/>
      <c r="BW13" s="219"/>
      <c r="BX13" s="219"/>
      <c r="BY13" s="219"/>
      <c r="BZ13" s="219"/>
      <c r="CA13" s="507"/>
      <c r="CB13" s="1538"/>
      <c r="CC13" s="1567"/>
    </row>
    <row r="14" spans="1:81" ht="9.75" customHeight="1" thickBot="1">
      <c r="A14" s="1517"/>
      <c r="B14" s="1516"/>
      <c r="C14" s="1528"/>
      <c r="D14" s="54"/>
      <c r="E14" s="518"/>
      <c r="F14" s="1531"/>
      <c r="G14" s="1523"/>
      <c r="H14" s="1522"/>
      <c r="I14" s="1523"/>
      <c r="J14" s="1522"/>
      <c r="K14" s="1523"/>
      <c r="L14" s="1522"/>
      <c r="M14" s="1523"/>
      <c r="N14" s="1522"/>
      <c r="O14" s="1523"/>
      <c r="P14" s="1522"/>
      <c r="Q14" s="1523"/>
      <c r="R14" s="1522"/>
      <c r="S14" s="1523"/>
      <c r="T14" s="1522"/>
      <c r="U14" s="1534"/>
      <c r="V14" s="1541"/>
      <c r="W14" s="1542"/>
      <c r="X14" s="1543"/>
      <c r="Y14" s="1513"/>
      <c r="Z14" s="1649"/>
      <c r="AA14" s="1645"/>
      <c r="AB14" s="1645"/>
      <c r="AC14" s="1646"/>
      <c r="AD14" s="1606"/>
      <c r="AE14" s="1604"/>
      <c r="AF14" s="1495"/>
      <c r="AG14" s="1496"/>
      <c r="AH14" s="1496"/>
      <c r="AI14" s="1496"/>
      <c r="AJ14" s="1496"/>
      <c r="AK14" s="1496"/>
      <c r="AL14" s="1496"/>
      <c r="AM14" s="1497"/>
      <c r="AN14" s="1680"/>
      <c r="AO14" s="1311"/>
      <c r="AP14" s="1311"/>
      <c r="AQ14" s="1311"/>
      <c r="AR14" s="1596"/>
      <c r="AS14" s="1685"/>
      <c r="AT14" s="1559"/>
      <c r="AU14" s="1556"/>
      <c r="AV14" s="55"/>
      <c r="AW14" s="1562"/>
      <c r="AX14" s="1559"/>
      <c r="AY14" s="1556"/>
      <c r="AZ14" s="55"/>
      <c r="BA14" s="1562"/>
      <c r="BB14" s="1559"/>
      <c r="BC14" s="1559"/>
      <c r="BD14" s="1559"/>
      <c r="BE14" s="1652"/>
      <c r="BF14" s="1541"/>
      <c r="BG14" s="1543"/>
      <c r="BH14" s="1565"/>
      <c r="BI14" s="1543"/>
      <c r="BJ14" s="1565"/>
      <c r="BK14" s="1568"/>
      <c r="BL14" s="508"/>
      <c r="BM14" s="220"/>
      <c r="BN14" s="220"/>
      <c r="BO14" s="220"/>
      <c r="BP14" s="220"/>
      <c r="BQ14" s="220"/>
      <c r="BR14" s="508"/>
      <c r="BS14" s="1596"/>
      <c r="BT14" s="1568"/>
      <c r="BU14" s="508"/>
      <c r="BV14" s="220"/>
      <c r="BW14" s="220"/>
      <c r="BX14" s="220"/>
      <c r="BY14" s="220"/>
      <c r="BZ14" s="220"/>
      <c r="CA14" s="508"/>
      <c r="CB14" s="1541"/>
      <c r="CC14" s="1568"/>
    </row>
    <row r="15" spans="1:81" ht="8.25" customHeight="1"/>
    <row r="16" spans="1:81" ht="8.25" customHeight="1"/>
    <row r="17" spans="1:81" ht="8.25" customHeight="1">
      <c r="B17" s="863" t="s">
        <v>87</v>
      </c>
      <c r="M17" s="863" t="s">
        <v>88</v>
      </c>
      <c r="X17" s="863" t="s">
        <v>89</v>
      </c>
      <c r="AF17" s="20"/>
      <c r="AG17" s="20"/>
      <c r="AH17" s="863" t="s">
        <v>90</v>
      </c>
      <c r="AI17" s="863"/>
      <c r="AT17" s="20"/>
      <c r="AU17" s="20"/>
      <c r="AX17" s="863" t="s">
        <v>91</v>
      </c>
      <c r="AY17" s="863"/>
      <c r="BH17" s="20"/>
      <c r="BL17" s="863" t="s">
        <v>92</v>
      </c>
      <c r="BO17" s="20"/>
      <c r="BS17" s="863" t="s">
        <v>93</v>
      </c>
      <c r="BU17" s="20"/>
      <c r="BV17" s="20"/>
      <c r="BW17" s="863" t="s">
        <v>94</v>
      </c>
      <c r="BX17" s="863"/>
      <c r="CB17" s="863" t="s">
        <v>95</v>
      </c>
      <c r="CC17" s="863"/>
    </row>
    <row r="18" spans="1:81" ht="8.25" customHeight="1">
      <c r="B18" s="863"/>
      <c r="M18" s="863"/>
      <c r="X18" s="863"/>
      <c r="AF18" s="20"/>
      <c r="AG18" s="20"/>
      <c r="AH18" s="863"/>
      <c r="AI18" s="863"/>
      <c r="AT18" s="20"/>
      <c r="AU18" s="20"/>
      <c r="AX18" s="863"/>
      <c r="AY18" s="863"/>
      <c r="BH18" s="20"/>
      <c r="BL18" s="863"/>
      <c r="BO18" s="20"/>
      <c r="BS18" s="863"/>
      <c r="BU18" s="20"/>
      <c r="BV18" s="20"/>
      <c r="BW18" s="863"/>
      <c r="BX18" s="863"/>
      <c r="CB18" s="863"/>
      <c r="CC18" s="863"/>
    </row>
    <row r="19" spans="1:81" ht="4.5" customHeight="1"/>
    <row r="20" spans="1:81" ht="7.5" customHeight="1">
      <c r="A20" s="863" t="s">
        <v>87</v>
      </c>
      <c r="B20" s="863"/>
      <c r="C20" s="1200" t="s">
        <v>745</v>
      </c>
      <c r="D20" s="1256"/>
      <c r="E20" s="1256"/>
      <c r="F20" s="1256"/>
      <c r="G20" s="1256"/>
      <c r="H20" s="1256"/>
      <c r="I20" s="1256"/>
      <c r="J20" s="1256"/>
      <c r="K20" s="1256"/>
      <c r="L20" s="1256"/>
      <c r="M20" s="1256"/>
      <c r="N20" s="1256"/>
      <c r="O20" s="1256"/>
      <c r="P20" s="1256"/>
      <c r="Q20" s="1256"/>
      <c r="R20" s="1256"/>
      <c r="S20" s="1256"/>
      <c r="T20" s="1256"/>
      <c r="U20" s="1256"/>
      <c r="V20" s="1256"/>
      <c r="W20" s="1256"/>
      <c r="X20" s="1256"/>
      <c r="Y20" s="1256"/>
      <c r="Z20" s="1256"/>
      <c r="AA20" s="1256"/>
      <c r="AB20" s="1256"/>
      <c r="AC20" s="1256"/>
      <c r="AD20" s="1256"/>
      <c r="AE20" s="1256"/>
      <c r="AF20" s="1256"/>
      <c r="AG20" s="1256"/>
      <c r="AH20" s="1256"/>
      <c r="AI20" s="1256"/>
      <c r="AJ20" s="1256"/>
      <c r="AK20" s="1256"/>
      <c r="AL20" s="1256"/>
      <c r="AM20" s="1256"/>
      <c r="AN20" s="1403"/>
      <c r="AO20" s="22"/>
      <c r="AP20" s="863" t="s">
        <v>91</v>
      </c>
      <c r="AQ20" s="1236"/>
      <c r="AR20" s="1431" t="s">
        <v>749</v>
      </c>
      <c r="AS20" s="1432"/>
      <c r="AT20" s="1432"/>
      <c r="AU20" s="1432"/>
      <c r="AV20" s="1432"/>
      <c r="AW20" s="1432"/>
      <c r="AX20" s="1432"/>
      <c r="AY20" s="1432"/>
      <c r="AZ20" s="1432"/>
      <c r="BA20" s="1432"/>
      <c r="BB20" s="1432"/>
      <c r="BC20" s="1432"/>
      <c r="BD20" s="1432"/>
      <c r="BE20" s="1432"/>
      <c r="BF20" s="1432"/>
      <c r="BG20" s="1432"/>
      <c r="BH20" s="1432"/>
      <c r="BI20" s="1432"/>
      <c r="BJ20" s="1432"/>
      <c r="BK20" s="1432"/>
      <c r="BL20" s="1432"/>
      <c r="BM20" s="1432"/>
      <c r="BN20" s="1432"/>
      <c r="BO20" s="1432"/>
      <c r="BP20" s="1432"/>
      <c r="BQ20" s="1432"/>
      <c r="BR20" s="1432"/>
      <c r="BS20" s="1432"/>
      <c r="BT20" s="1432"/>
      <c r="BU20" s="1432"/>
      <c r="BV20" s="1432"/>
      <c r="BW20" s="1432"/>
      <c r="BX20" s="1432"/>
      <c r="BY20" s="1432"/>
      <c r="BZ20" s="1432"/>
      <c r="CA20" s="1432"/>
      <c r="CB20" s="1432"/>
      <c r="CC20" s="1433"/>
    </row>
    <row r="21" spans="1:81" ht="7.5" customHeight="1">
      <c r="A21" s="863"/>
      <c r="B21" s="863"/>
      <c r="C21" s="1449"/>
      <c r="D21" s="1450"/>
      <c r="E21" s="1450"/>
      <c r="F21" s="1450"/>
      <c r="G21" s="1450"/>
      <c r="H21" s="1450"/>
      <c r="I21" s="1450"/>
      <c r="J21" s="1450"/>
      <c r="K21" s="1450"/>
      <c r="L21" s="1450"/>
      <c r="M21" s="1450"/>
      <c r="N21" s="1450"/>
      <c r="O21" s="1450"/>
      <c r="P21" s="1450"/>
      <c r="Q21" s="1450"/>
      <c r="R21" s="1450"/>
      <c r="S21" s="1450"/>
      <c r="T21" s="1450"/>
      <c r="U21" s="1450"/>
      <c r="V21" s="1450"/>
      <c r="W21" s="1450"/>
      <c r="X21" s="1450"/>
      <c r="Y21" s="1450"/>
      <c r="Z21" s="1450"/>
      <c r="AA21" s="1450"/>
      <c r="AB21" s="1450"/>
      <c r="AC21" s="1450"/>
      <c r="AD21" s="1450"/>
      <c r="AE21" s="1450"/>
      <c r="AF21" s="1450"/>
      <c r="AG21" s="1450"/>
      <c r="AH21" s="1450"/>
      <c r="AI21" s="1450"/>
      <c r="AJ21" s="1450"/>
      <c r="AK21" s="1450"/>
      <c r="AL21" s="1450"/>
      <c r="AM21" s="1450"/>
      <c r="AN21" s="1451"/>
      <c r="AO21" s="22"/>
      <c r="AP21" s="863"/>
      <c r="AQ21" s="1236"/>
      <c r="AR21" s="1434"/>
      <c r="AS21" s="1435"/>
      <c r="AT21" s="1435"/>
      <c r="AU21" s="1435"/>
      <c r="AV21" s="1435"/>
      <c r="AW21" s="1435"/>
      <c r="AX21" s="1435"/>
      <c r="AY21" s="1435"/>
      <c r="AZ21" s="1435"/>
      <c r="BA21" s="1435"/>
      <c r="BB21" s="1435"/>
      <c r="BC21" s="1435"/>
      <c r="BD21" s="1435"/>
      <c r="BE21" s="1435"/>
      <c r="BF21" s="1435"/>
      <c r="BG21" s="1435"/>
      <c r="BH21" s="1435"/>
      <c r="BI21" s="1435"/>
      <c r="BJ21" s="1435"/>
      <c r="BK21" s="1435"/>
      <c r="BL21" s="1435"/>
      <c r="BM21" s="1435"/>
      <c r="BN21" s="1435"/>
      <c r="BO21" s="1435"/>
      <c r="BP21" s="1435"/>
      <c r="BQ21" s="1435"/>
      <c r="BR21" s="1435"/>
      <c r="BS21" s="1435"/>
      <c r="BT21" s="1435"/>
      <c r="BU21" s="1435"/>
      <c r="BV21" s="1435"/>
      <c r="BW21" s="1435"/>
      <c r="BX21" s="1435"/>
      <c r="BY21" s="1435"/>
      <c r="BZ21" s="1435"/>
      <c r="CA21" s="1435"/>
      <c r="CB21" s="1435"/>
      <c r="CC21" s="1436"/>
    </row>
    <row r="22" spans="1:81" ht="7.5" customHeight="1">
      <c r="A22" s="20"/>
      <c r="B22" s="20"/>
      <c r="C22" s="22"/>
      <c r="D22" s="22"/>
      <c r="E22" s="22"/>
      <c r="F22" s="22"/>
      <c r="G22" s="22"/>
      <c r="H22" s="22"/>
      <c r="I22" s="22"/>
      <c r="J22" s="22"/>
      <c r="K22" s="22"/>
      <c r="L22" s="22"/>
      <c r="M22" s="22"/>
      <c r="N22" s="22"/>
      <c r="O22" s="22"/>
      <c r="P22" s="22"/>
      <c r="Q22" s="22"/>
      <c r="R22" s="22"/>
      <c r="S22" s="22"/>
      <c r="T22" s="22"/>
      <c r="U22" s="22"/>
      <c r="V22" s="22"/>
      <c r="W22" s="22"/>
      <c r="X22" s="22"/>
      <c r="Y22" s="22"/>
      <c r="Z22" s="22"/>
      <c r="AA22" s="22"/>
      <c r="AB22" s="22"/>
      <c r="AC22" s="22"/>
      <c r="AD22" s="22"/>
      <c r="AE22" s="22"/>
      <c r="AF22" s="22"/>
      <c r="AG22" s="22"/>
      <c r="AH22" s="22"/>
      <c r="AI22" s="22"/>
      <c r="AJ22" s="22"/>
      <c r="AK22" s="22"/>
      <c r="AL22" s="22"/>
      <c r="AM22" s="22"/>
      <c r="AN22" s="22"/>
      <c r="AO22" s="22"/>
      <c r="AR22" s="1202" t="s">
        <v>121</v>
      </c>
      <c r="AS22" s="1233"/>
      <c r="AT22" s="1233"/>
      <c r="AU22" s="1233"/>
      <c r="AV22" s="1233"/>
      <c r="AW22" s="1233"/>
      <c r="AX22" s="1233"/>
      <c r="AY22" s="1233"/>
      <c r="AZ22" s="1233"/>
      <c r="BA22" s="1233"/>
      <c r="BB22" s="1233"/>
      <c r="BC22" s="1233"/>
      <c r="BD22" s="1233"/>
      <c r="BE22" s="1233"/>
      <c r="BF22" s="1233"/>
      <c r="BG22" s="1233"/>
      <c r="BH22" s="1233"/>
      <c r="BI22" s="1233"/>
      <c r="BJ22" s="1233"/>
      <c r="BK22" s="1233"/>
      <c r="BL22" s="1233"/>
      <c r="BM22" s="1233"/>
      <c r="BN22" s="1233"/>
      <c r="BO22" s="1233"/>
      <c r="BP22" s="1233"/>
      <c r="BQ22" s="1233"/>
      <c r="BR22" s="1233"/>
      <c r="BS22" s="1233"/>
      <c r="BT22" s="1233"/>
      <c r="BU22" s="1233"/>
      <c r="BV22" s="1233"/>
      <c r="BW22" s="1233"/>
      <c r="BX22" s="1233"/>
      <c r="BY22" s="1233"/>
      <c r="BZ22" s="1233"/>
      <c r="CA22" s="1233"/>
      <c r="CB22" s="1233"/>
      <c r="CC22" s="1402"/>
    </row>
    <row r="23" spans="1:81" ht="7.5" customHeight="1">
      <c r="A23" s="863" t="s">
        <v>88</v>
      </c>
      <c r="B23" s="863"/>
      <c r="C23" s="1200" t="s">
        <v>746</v>
      </c>
      <c r="D23" s="1256"/>
      <c r="E23" s="1256"/>
      <c r="F23" s="1256"/>
      <c r="G23" s="1256"/>
      <c r="H23" s="1256"/>
      <c r="I23" s="1256"/>
      <c r="J23" s="1256"/>
      <c r="K23" s="1256"/>
      <c r="L23" s="1256"/>
      <c r="M23" s="1256"/>
      <c r="N23" s="1256"/>
      <c r="O23" s="1256"/>
      <c r="P23" s="1256"/>
      <c r="Q23" s="1256"/>
      <c r="R23" s="1256"/>
      <c r="S23" s="1256"/>
      <c r="T23" s="1256"/>
      <c r="U23" s="1256"/>
      <c r="V23" s="1256"/>
      <c r="W23" s="1256"/>
      <c r="X23" s="1256"/>
      <c r="Y23" s="1256"/>
      <c r="Z23" s="1256"/>
      <c r="AA23" s="1256"/>
      <c r="AB23" s="1256"/>
      <c r="AC23" s="1256"/>
      <c r="AD23" s="1256"/>
      <c r="AE23" s="1256"/>
      <c r="AF23" s="1256"/>
      <c r="AG23" s="1256"/>
      <c r="AH23" s="1256"/>
      <c r="AI23" s="1256"/>
      <c r="AJ23" s="1256"/>
      <c r="AK23" s="1256"/>
      <c r="AL23" s="1256"/>
      <c r="AM23" s="1256"/>
      <c r="AN23" s="1403"/>
      <c r="AO23" s="22"/>
      <c r="AR23" s="1202"/>
      <c r="AS23" s="1233"/>
      <c r="AT23" s="1233"/>
      <c r="AU23" s="1233"/>
      <c r="AV23" s="1233"/>
      <c r="AW23" s="1233"/>
      <c r="AX23" s="1233"/>
      <c r="AY23" s="1233"/>
      <c r="AZ23" s="1233"/>
      <c r="BA23" s="1233"/>
      <c r="BB23" s="1233"/>
      <c r="BC23" s="1233"/>
      <c r="BD23" s="1233"/>
      <c r="BE23" s="1233"/>
      <c r="BF23" s="1233"/>
      <c r="BG23" s="1233"/>
      <c r="BH23" s="1233"/>
      <c r="BI23" s="1233"/>
      <c r="BJ23" s="1233"/>
      <c r="BK23" s="1233"/>
      <c r="BL23" s="1233"/>
      <c r="BM23" s="1233"/>
      <c r="BN23" s="1233"/>
      <c r="BO23" s="1233"/>
      <c r="BP23" s="1233"/>
      <c r="BQ23" s="1233"/>
      <c r="BR23" s="1233"/>
      <c r="BS23" s="1233"/>
      <c r="BT23" s="1233"/>
      <c r="BU23" s="1233"/>
      <c r="BV23" s="1233"/>
      <c r="BW23" s="1233"/>
      <c r="BX23" s="1233"/>
      <c r="BY23" s="1233"/>
      <c r="BZ23" s="1233"/>
      <c r="CA23" s="1233"/>
      <c r="CB23" s="1233"/>
      <c r="CC23" s="1402"/>
    </row>
    <row r="24" spans="1:81" ht="7.5" customHeight="1">
      <c r="A24" s="863"/>
      <c r="B24" s="863"/>
      <c r="C24" s="1449"/>
      <c r="D24" s="1450"/>
      <c r="E24" s="1450"/>
      <c r="F24" s="1450"/>
      <c r="G24" s="1450"/>
      <c r="H24" s="1450"/>
      <c r="I24" s="1450"/>
      <c r="J24" s="1450"/>
      <c r="K24" s="1450"/>
      <c r="L24" s="1450"/>
      <c r="M24" s="1450"/>
      <c r="N24" s="1450"/>
      <c r="O24" s="1450"/>
      <c r="P24" s="1450"/>
      <c r="Q24" s="1450"/>
      <c r="R24" s="1450"/>
      <c r="S24" s="1450"/>
      <c r="T24" s="1450"/>
      <c r="U24" s="1450"/>
      <c r="V24" s="1450"/>
      <c r="W24" s="1450"/>
      <c r="X24" s="1450"/>
      <c r="Y24" s="1450"/>
      <c r="Z24" s="1450"/>
      <c r="AA24" s="1450"/>
      <c r="AB24" s="1450"/>
      <c r="AC24" s="1450"/>
      <c r="AD24" s="1450"/>
      <c r="AE24" s="1450"/>
      <c r="AF24" s="1450"/>
      <c r="AG24" s="1450"/>
      <c r="AH24" s="1450"/>
      <c r="AI24" s="1450"/>
      <c r="AJ24" s="1450"/>
      <c r="AK24" s="1450"/>
      <c r="AL24" s="1450"/>
      <c r="AM24" s="1450"/>
      <c r="AN24" s="1451"/>
      <c r="AO24" s="22"/>
      <c r="AR24" s="1202" t="s">
        <v>122</v>
      </c>
      <c r="AS24" s="1233"/>
      <c r="AT24" s="1233"/>
      <c r="AU24" s="1233"/>
      <c r="AV24" s="1233"/>
      <c r="AW24" s="1233"/>
      <c r="AX24" s="1233"/>
      <c r="AY24" s="1233"/>
      <c r="AZ24" s="1233"/>
      <c r="BA24" s="1233"/>
      <c r="BB24" s="1233"/>
      <c r="BC24" s="1233"/>
      <c r="BD24" s="1233"/>
      <c r="BE24" s="1233"/>
      <c r="BF24" s="1233"/>
      <c r="BG24" s="1233"/>
      <c r="BH24" s="1233"/>
      <c r="BI24" s="1233"/>
      <c r="BJ24" s="1233"/>
      <c r="BK24" s="1233"/>
      <c r="BL24" s="1233"/>
      <c r="BM24" s="1233"/>
      <c r="BN24" s="1233"/>
      <c r="BO24" s="1233"/>
      <c r="BP24" s="1233"/>
      <c r="BQ24" s="1233"/>
      <c r="BR24" s="1233"/>
      <c r="BS24" s="1233"/>
      <c r="BT24" s="1233"/>
      <c r="BU24" s="1233"/>
      <c r="BV24" s="1233"/>
      <c r="BW24" s="1233"/>
      <c r="BX24" s="1233"/>
      <c r="BY24" s="1233"/>
      <c r="BZ24" s="1233"/>
      <c r="CA24" s="1233"/>
      <c r="CB24" s="1233"/>
      <c r="CC24" s="1402"/>
    </row>
    <row r="25" spans="1:81" ht="7.5" customHeight="1">
      <c r="A25" s="20"/>
      <c r="B25" s="20"/>
      <c r="C25" s="22"/>
      <c r="D25" s="22"/>
      <c r="E25" s="22"/>
      <c r="F25" s="22"/>
      <c r="G25" s="22"/>
      <c r="H25" s="22"/>
      <c r="I25" s="22"/>
      <c r="J25" s="22"/>
      <c r="K25" s="22"/>
      <c r="L25" s="22"/>
      <c r="M25" s="22"/>
      <c r="N25" s="22"/>
      <c r="O25" s="22"/>
      <c r="P25" s="22"/>
      <c r="Q25" s="22"/>
      <c r="R25" s="22"/>
      <c r="S25" s="22"/>
      <c r="T25" s="22"/>
      <c r="U25" s="22"/>
      <c r="V25" s="22"/>
      <c r="W25" s="22"/>
      <c r="X25" s="22"/>
      <c r="Y25" s="22"/>
      <c r="Z25" s="22"/>
      <c r="AA25" s="22"/>
      <c r="AB25" s="22"/>
      <c r="AC25" s="22"/>
      <c r="AD25" s="22"/>
      <c r="AE25" s="22"/>
      <c r="AF25" s="22"/>
      <c r="AG25" s="22"/>
      <c r="AH25" s="22"/>
      <c r="AI25" s="22"/>
      <c r="AJ25" s="22"/>
      <c r="AK25" s="22"/>
      <c r="AL25" s="22"/>
      <c r="AM25" s="22"/>
      <c r="AN25" s="22"/>
      <c r="AO25" s="22"/>
      <c r="AP25" s="496"/>
      <c r="AQ25" s="496"/>
      <c r="AR25" s="1202"/>
      <c r="AS25" s="1233"/>
      <c r="AT25" s="1233"/>
      <c r="AU25" s="1233"/>
      <c r="AV25" s="1233"/>
      <c r="AW25" s="1233"/>
      <c r="AX25" s="1233"/>
      <c r="AY25" s="1233"/>
      <c r="AZ25" s="1233"/>
      <c r="BA25" s="1233"/>
      <c r="BB25" s="1233"/>
      <c r="BC25" s="1233"/>
      <c r="BD25" s="1233"/>
      <c r="BE25" s="1233"/>
      <c r="BF25" s="1233"/>
      <c r="BG25" s="1233"/>
      <c r="BH25" s="1233"/>
      <c r="BI25" s="1233"/>
      <c r="BJ25" s="1233"/>
      <c r="BK25" s="1233"/>
      <c r="BL25" s="1233"/>
      <c r="BM25" s="1233"/>
      <c r="BN25" s="1233"/>
      <c r="BO25" s="1233"/>
      <c r="BP25" s="1233"/>
      <c r="BQ25" s="1233"/>
      <c r="BR25" s="1233"/>
      <c r="BS25" s="1233"/>
      <c r="BT25" s="1233"/>
      <c r="BU25" s="1233"/>
      <c r="BV25" s="1233"/>
      <c r="BW25" s="1233"/>
      <c r="BX25" s="1233"/>
      <c r="BY25" s="1233"/>
      <c r="BZ25" s="1233"/>
      <c r="CA25" s="1233"/>
      <c r="CB25" s="1233"/>
      <c r="CC25" s="1402"/>
    </row>
    <row r="26" spans="1:81" ht="7.5" customHeight="1">
      <c r="A26" s="863" t="s">
        <v>89</v>
      </c>
      <c r="B26" s="1177"/>
      <c r="C26" s="1200" t="s">
        <v>747</v>
      </c>
      <c r="D26" s="1256"/>
      <c r="E26" s="1256"/>
      <c r="F26" s="1256"/>
      <c r="G26" s="1256"/>
      <c r="H26" s="1256"/>
      <c r="I26" s="1256"/>
      <c r="J26" s="1256"/>
      <c r="K26" s="1256"/>
      <c r="L26" s="1256"/>
      <c r="M26" s="1256"/>
      <c r="N26" s="1256"/>
      <c r="O26" s="1256"/>
      <c r="P26" s="1256"/>
      <c r="Q26" s="1256"/>
      <c r="R26" s="1256"/>
      <c r="S26" s="1256"/>
      <c r="T26" s="1256"/>
      <c r="U26" s="1256"/>
      <c r="V26" s="1256"/>
      <c r="W26" s="1256"/>
      <c r="X26" s="1256"/>
      <c r="Y26" s="1256"/>
      <c r="Z26" s="1256"/>
      <c r="AA26" s="1256"/>
      <c r="AB26" s="1256"/>
      <c r="AC26" s="1256"/>
      <c r="AD26" s="1256"/>
      <c r="AE26" s="1256"/>
      <c r="AF26" s="1256"/>
      <c r="AG26" s="1256"/>
      <c r="AH26" s="1256"/>
      <c r="AI26" s="1256"/>
      <c r="AJ26" s="1256"/>
      <c r="AK26" s="1256"/>
      <c r="AL26" s="1256"/>
      <c r="AM26" s="1256"/>
      <c r="AN26" s="1403"/>
      <c r="AO26" s="22"/>
      <c r="AP26" s="496"/>
      <c r="AQ26" s="496"/>
      <c r="AR26" s="1202" t="s">
        <v>340</v>
      </c>
      <c r="AS26" s="1233"/>
      <c r="AT26" s="1233"/>
      <c r="AU26" s="1233"/>
      <c r="AV26" s="1233"/>
      <c r="AW26" s="1233"/>
      <c r="AX26" s="1233"/>
      <c r="AY26" s="1233"/>
      <c r="AZ26" s="1233"/>
      <c r="BA26" s="1233"/>
      <c r="BB26" s="1233"/>
      <c r="BC26" s="1233"/>
      <c r="BD26" s="1233"/>
      <c r="BE26" s="1233"/>
      <c r="BF26" s="1233"/>
      <c r="BG26" s="1233"/>
      <c r="BH26" s="1233"/>
      <c r="BI26" s="1233"/>
      <c r="BJ26" s="1233"/>
      <c r="BK26" s="1233"/>
      <c r="BL26" s="1233"/>
      <c r="BM26" s="1233"/>
      <c r="BN26" s="1233"/>
      <c r="BO26" s="1233"/>
      <c r="BP26" s="1233"/>
      <c r="BQ26" s="1233"/>
      <c r="BR26" s="1233"/>
      <c r="BS26" s="1233"/>
      <c r="BT26" s="1233"/>
      <c r="BU26" s="1233"/>
      <c r="BV26" s="1233"/>
      <c r="BW26" s="1233"/>
      <c r="BX26" s="1233"/>
      <c r="BY26" s="1233"/>
      <c r="BZ26" s="1233"/>
      <c r="CA26" s="1233"/>
      <c r="CB26" s="1233"/>
      <c r="CC26" s="1402"/>
    </row>
    <row r="27" spans="1:81" ht="7.5" customHeight="1">
      <c r="A27" s="863"/>
      <c r="B27" s="1177"/>
      <c r="C27" s="1202"/>
      <c r="D27" s="1233"/>
      <c r="E27" s="1233"/>
      <c r="F27" s="1233"/>
      <c r="G27" s="1233"/>
      <c r="H27" s="1233"/>
      <c r="I27" s="1233"/>
      <c r="J27" s="1233"/>
      <c r="K27" s="1233"/>
      <c r="L27" s="1233"/>
      <c r="M27" s="1233"/>
      <c r="N27" s="1233"/>
      <c r="O27" s="1233"/>
      <c r="P27" s="1233"/>
      <c r="Q27" s="1233"/>
      <c r="R27" s="1233"/>
      <c r="S27" s="1233"/>
      <c r="T27" s="1233"/>
      <c r="U27" s="1233"/>
      <c r="V27" s="1233"/>
      <c r="W27" s="1233"/>
      <c r="X27" s="1233"/>
      <c r="Y27" s="1233"/>
      <c r="Z27" s="1233"/>
      <c r="AA27" s="1233"/>
      <c r="AB27" s="1233"/>
      <c r="AC27" s="1233"/>
      <c r="AD27" s="1233"/>
      <c r="AE27" s="1233"/>
      <c r="AF27" s="1233"/>
      <c r="AG27" s="1233"/>
      <c r="AH27" s="1233"/>
      <c r="AI27" s="1233"/>
      <c r="AJ27" s="1233"/>
      <c r="AK27" s="1233"/>
      <c r="AL27" s="1233"/>
      <c r="AM27" s="1233"/>
      <c r="AN27" s="1402"/>
      <c r="AO27" s="22"/>
      <c r="AP27" s="466"/>
      <c r="AQ27" s="467"/>
      <c r="AR27" s="1202"/>
      <c r="AS27" s="1233"/>
      <c r="AT27" s="1233"/>
      <c r="AU27" s="1233"/>
      <c r="AV27" s="1233"/>
      <c r="AW27" s="1233"/>
      <c r="AX27" s="1233"/>
      <c r="AY27" s="1233"/>
      <c r="AZ27" s="1233"/>
      <c r="BA27" s="1233"/>
      <c r="BB27" s="1233"/>
      <c r="BC27" s="1233"/>
      <c r="BD27" s="1233"/>
      <c r="BE27" s="1233"/>
      <c r="BF27" s="1233"/>
      <c r="BG27" s="1233"/>
      <c r="BH27" s="1233"/>
      <c r="BI27" s="1233"/>
      <c r="BJ27" s="1233"/>
      <c r="BK27" s="1233"/>
      <c r="BL27" s="1233"/>
      <c r="BM27" s="1233"/>
      <c r="BN27" s="1233"/>
      <c r="BO27" s="1233"/>
      <c r="BP27" s="1233"/>
      <c r="BQ27" s="1233"/>
      <c r="BR27" s="1233"/>
      <c r="BS27" s="1233"/>
      <c r="BT27" s="1233"/>
      <c r="BU27" s="1233"/>
      <c r="BV27" s="1233"/>
      <c r="BW27" s="1233"/>
      <c r="BX27" s="1233"/>
      <c r="BY27" s="1233"/>
      <c r="BZ27" s="1233"/>
      <c r="CA27" s="1233"/>
      <c r="CB27" s="1233"/>
      <c r="CC27" s="1402"/>
    </row>
    <row r="28" spans="1:81" ht="7.5" customHeight="1">
      <c r="A28" s="20"/>
      <c r="B28" s="20"/>
      <c r="C28" s="25"/>
      <c r="D28" s="26"/>
      <c r="E28" s="1468" t="s">
        <v>3</v>
      </c>
      <c r="F28" s="1469"/>
      <c r="G28" s="1469"/>
      <c r="H28" s="1469"/>
      <c r="I28" s="1469"/>
      <c r="J28" s="1469"/>
      <c r="K28" s="1470"/>
      <c r="L28" s="1468" t="s">
        <v>9</v>
      </c>
      <c r="M28" s="1469"/>
      <c r="N28" s="1469"/>
      <c r="O28" s="1622"/>
      <c r="P28" s="1620" t="s">
        <v>3</v>
      </c>
      <c r="Q28" s="1469"/>
      <c r="R28" s="1469"/>
      <c r="S28" s="1469"/>
      <c r="T28" s="1469"/>
      <c r="U28" s="1469"/>
      <c r="V28" s="1470"/>
      <c r="W28" s="1468" t="s">
        <v>9</v>
      </c>
      <c r="X28" s="1469"/>
      <c r="Y28" s="1469"/>
      <c r="Z28" s="1622"/>
      <c r="AA28" s="1620" t="s">
        <v>3</v>
      </c>
      <c r="AB28" s="1469"/>
      <c r="AC28" s="1469"/>
      <c r="AD28" s="1469"/>
      <c r="AE28" s="1469"/>
      <c r="AF28" s="1469"/>
      <c r="AG28" s="1470"/>
      <c r="AH28" s="1468" t="s">
        <v>9</v>
      </c>
      <c r="AI28" s="1469"/>
      <c r="AJ28" s="1469"/>
      <c r="AK28" s="1470"/>
      <c r="AL28" s="26"/>
      <c r="AM28" s="26"/>
      <c r="AN28" s="23"/>
      <c r="AO28" s="22"/>
      <c r="AP28" s="466"/>
      <c r="AQ28" s="467"/>
      <c r="AR28" s="1202" t="s">
        <v>341</v>
      </c>
      <c r="AS28" s="1233"/>
      <c r="AT28" s="1233"/>
      <c r="AU28" s="1233"/>
      <c r="AV28" s="1233"/>
      <c r="AW28" s="1233"/>
      <c r="AX28" s="1233"/>
      <c r="AY28" s="1233"/>
      <c r="AZ28" s="1233"/>
      <c r="BA28" s="1233"/>
      <c r="BB28" s="1233"/>
      <c r="BC28" s="1233"/>
      <c r="BD28" s="1233"/>
      <c r="BE28" s="1233"/>
      <c r="BF28" s="1233"/>
      <c r="BG28" s="1233"/>
      <c r="BH28" s="1233"/>
      <c r="BI28" s="1233"/>
      <c r="BJ28" s="1233"/>
      <c r="BK28" s="1233"/>
      <c r="BL28" s="1233"/>
      <c r="BM28" s="1233"/>
      <c r="BN28" s="1233"/>
      <c r="BO28" s="1233"/>
      <c r="BP28" s="1233"/>
      <c r="BQ28" s="1233"/>
      <c r="BR28" s="1233"/>
      <c r="BS28" s="1233"/>
      <c r="BT28" s="1233"/>
      <c r="BU28" s="1233"/>
      <c r="BV28" s="1233"/>
      <c r="BW28" s="1233"/>
      <c r="BX28" s="1233"/>
      <c r="BY28" s="1233"/>
      <c r="BZ28" s="1233"/>
      <c r="CA28" s="1233"/>
      <c r="CB28" s="1233"/>
      <c r="CC28" s="1402"/>
    </row>
    <row r="29" spans="1:81" ht="7.5" customHeight="1">
      <c r="A29" s="20"/>
      <c r="B29" s="20"/>
      <c r="C29" s="25"/>
      <c r="D29" s="26"/>
      <c r="E29" s="1471"/>
      <c r="F29" s="1472"/>
      <c r="G29" s="1472"/>
      <c r="H29" s="1472"/>
      <c r="I29" s="1472"/>
      <c r="J29" s="1472"/>
      <c r="K29" s="1473"/>
      <c r="L29" s="1471"/>
      <c r="M29" s="1472"/>
      <c r="N29" s="1472"/>
      <c r="O29" s="1623"/>
      <c r="P29" s="1621"/>
      <c r="Q29" s="1472"/>
      <c r="R29" s="1472"/>
      <c r="S29" s="1472"/>
      <c r="T29" s="1472"/>
      <c r="U29" s="1472"/>
      <c r="V29" s="1473"/>
      <c r="W29" s="1471"/>
      <c r="X29" s="1472"/>
      <c r="Y29" s="1472"/>
      <c r="Z29" s="1623"/>
      <c r="AA29" s="1621"/>
      <c r="AB29" s="1472"/>
      <c r="AC29" s="1472"/>
      <c r="AD29" s="1472"/>
      <c r="AE29" s="1472"/>
      <c r="AF29" s="1472"/>
      <c r="AG29" s="1473"/>
      <c r="AH29" s="1471"/>
      <c r="AI29" s="1472"/>
      <c r="AJ29" s="1472"/>
      <c r="AK29" s="1473"/>
      <c r="AL29" s="26"/>
      <c r="AM29" s="26"/>
      <c r="AN29" s="23"/>
      <c r="AO29" s="22"/>
      <c r="AP29" s="37"/>
      <c r="AQ29" s="37"/>
      <c r="AR29" s="1449"/>
      <c r="AS29" s="1450"/>
      <c r="AT29" s="1450"/>
      <c r="AU29" s="1450"/>
      <c r="AV29" s="1450"/>
      <c r="AW29" s="1450"/>
      <c r="AX29" s="1450"/>
      <c r="AY29" s="1450"/>
      <c r="AZ29" s="1450"/>
      <c r="BA29" s="1450"/>
      <c r="BB29" s="1450"/>
      <c r="BC29" s="1450"/>
      <c r="BD29" s="1450"/>
      <c r="BE29" s="1450"/>
      <c r="BF29" s="1450"/>
      <c r="BG29" s="1450"/>
      <c r="BH29" s="1450"/>
      <c r="BI29" s="1450"/>
      <c r="BJ29" s="1450"/>
      <c r="BK29" s="1450"/>
      <c r="BL29" s="1450"/>
      <c r="BM29" s="1450"/>
      <c r="BN29" s="1450"/>
      <c r="BO29" s="1450"/>
      <c r="BP29" s="1450"/>
      <c r="BQ29" s="1450"/>
      <c r="BR29" s="1450"/>
      <c r="BS29" s="1450"/>
      <c r="BT29" s="1450"/>
      <c r="BU29" s="1450"/>
      <c r="BV29" s="1450"/>
      <c r="BW29" s="1450"/>
      <c r="BX29" s="1450"/>
      <c r="BY29" s="1450"/>
      <c r="BZ29" s="1450"/>
      <c r="CA29" s="1450"/>
      <c r="CB29" s="1450"/>
      <c r="CC29" s="1451"/>
    </row>
    <row r="30" spans="1:81" ht="7.5" customHeight="1">
      <c r="A30" s="20"/>
      <c r="B30" s="20"/>
      <c r="C30" s="25"/>
      <c r="D30" s="26"/>
      <c r="E30" s="1459" t="s">
        <v>34</v>
      </c>
      <c r="F30" s="1460"/>
      <c r="G30" s="1460"/>
      <c r="H30" s="1460"/>
      <c r="I30" s="1460"/>
      <c r="J30" s="1460"/>
      <c r="K30" s="1461"/>
      <c r="L30" s="1474" t="s">
        <v>49</v>
      </c>
      <c r="M30" s="1475"/>
      <c r="N30" s="1475"/>
      <c r="O30" s="1498"/>
      <c r="P30" s="1500" t="s">
        <v>42</v>
      </c>
      <c r="Q30" s="1460"/>
      <c r="R30" s="1460"/>
      <c r="S30" s="1460"/>
      <c r="T30" s="1460"/>
      <c r="U30" s="1460"/>
      <c r="V30" s="1461"/>
      <c r="W30" s="1474" t="s">
        <v>305</v>
      </c>
      <c r="X30" s="1475"/>
      <c r="Y30" s="1475"/>
      <c r="Z30" s="1498"/>
      <c r="AA30" s="1627" t="s">
        <v>46</v>
      </c>
      <c r="AB30" s="1626"/>
      <c r="AC30" s="1626"/>
      <c r="AD30" s="1626"/>
      <c r="AE30" s="1626"/>
      <c r="AF30" s="1626"/>
      <c r="AG30" s="1626"/>
      <c r="AH30" s="1624" t="s">
        <v>97</v>
      </c>
      <c r="AI30" s="1624"/>
      <c r="AJ30" s="1624"/>
      <c r="AK30" s="1624"/>
      <c r="AL30" s="26"/>
      <c r="AM30" s="26"/>
      <c r="AN30" s="23"/>
      <c r="AO30" s="22"/>
      <c r="AP30" s="37"/>
      <c r="AQ30" s="37"/>
      <c r="AR30" s="534"/>
      <c r="AS30" s="534"/>
      <c r="AT30" s="534"/>
      <c r="AU30" s="534"/>
      <c r="AV30" s="534"/>
      <c r="AW30" s="534"/>
      <c r="AX30" s="534"/>
      <c r="AY30" s="534"/>
      <c r="AZ30" s="534"/>
      <c r="BA30" s="534"/>
      <c r="BB30" s="534"/>
      <c r="BC30" s="534"/>
      <c r="BD30" s="534"/>
      <c r="BE30" s="534"/>
      <c r="BF30" s="534"/>
      <c r="BG30" s="534"/>
      <c r="BH30" s="534"/>
      <c r="BI30" s="534"/>
      <c r="BJ30" s="534"/>
      <c r="BK30" s="534"/>
      <c r="BL30" s="534"/>
      <c r="BM30" s="534"/>
      <c r="BN30" s="534"/>
      <c r="BO30" s="534"/>
      <c r="BP30" s="534"/>
      <c r="BQ30" s="534"/>
      <c r="BR30" s="534"/>
      <c r="BS30" s="534"/>
      <c r="BT30" s="534"/>
      <c r="BU30" s="534"/>
      <c r="BV30" s="534"/>
      <c r="BW30" s="534"/>
      <c r="BX30" s="534"/>
      <c r="BY30" s="534"/>
      <c r="BZ30" s="534"/>
      <c r="CA30" s="534"/>
      <c r="CB30" s="534"/>
      <c r="CC30" s="534"/>
    </row>
    <row r="31" spans="1:81" ht="7.5" customHeight="1">
      <c r="A31" s="20"/>
      <c r="B31" s="20"/>
      <c r="C31" s="25"/>
      <c r="D31" s="26"/>
      <c r="E31" s="1465"/>
      <c r="F31" s="1466"/>
      <c r="G31" s="1466"/>
      <c r="H31" s="1466"/>
      <c r="I31" s="1466"/>
      <c r="J31" s="1466"/>
      <c r="K31" s="1467"/>
      <c r="L31" s="1477"/>
      <c r="M31" s="1478"/>
      <c r="N31" s="1478"/>
      <c r="O31" s="1499"/>
      <c r="P31" s="1501"/>
      <c r="Q31" s="1466"/>
      <c r="R31" s="1466"/>
      <c r="S31" s="1466"/>
      <c r="T31" s="1466"/>
      <c r="U31" s="1466"/>
      <c r="V31" s="1467"/>
      <c r="W31" s="1477"/>
      <c r="X31" s="1478"/>
      <c r="Y31" s="1478"/>
      <c r="Z31" s="1499"/>
      <c r="AA31" s="1627"/>
      <c r="AB31" s="1626"/>
      <c r="AC31" s="1626"/>
      <c r="AD31" s="1626"/>
      <c r="AE31" s="1626"/>
      <c r="AF31" s="1626"/>
      <c r="AG31" s="1626"/>
      <c r="AH31" s="1624"/>
      <c r="AI31" s="1624"/>
      <c r="AJ31" s="1624"/>
      <c r="AK31" s="1624"/>
      <c r="AL31" s="26"/>
      <c r="AM31" s="26"/>
      <c r="AN31" s="23"/>
      <c r="AO31" s="22"/>
      <c r="AP31" s="863" t="s">
        <v>92</v>
      </c>
      <c r="AQ31" s="1236"/>
      <c r="AR31" s="1431" t="s">
        <v>750</v>
      </c>
      <c r="AS31" s="1432"/>
      <c r="AT31" s="1432"/>
      <c r="AU31" s="1432"/>
      <c r="AV31" s="1432"/>
      <c r="AW31" s="1432"/>
      <c r="AX31" s="1432"/>
      <c r="AY31" s="1432"/>
      <c r="AZ31" s="1432"/>
      <c r="BA31" s="1432"/>
      <c r="BB31" s="1432"/>
      <c r="BC31" s="1432"/>
      <c r="BD31" s="1432"/>
      <c r="BE31" s="1432"/>
      <c r="BF31" s="1432"/>
      <c r="BG31" s="1432"/>
      <c r="BH31" s="1432"/>
      <c r="BI31" s="1432"/>
      <c r="BJ31" s="1432"/>
      <c r="BK31" s="1432"/>
      <c r="BL31" s="1432"/>
      <c r="BM31" s="1432"/>
      <c r="BN31" s="1432"/>
      <c r="BO31" s="1432"/>
      <c r="BP31" s="1432"/>
      <c r="BQ31" s="1432"/>
      <c r="BR31" s="1432"/>
      <c r="BS31" s="1432"/>
      <c r="BT31" s="1432"/>
      <c r="BU31" s="1432"/>
      <c r="BV31" s="1432"/>
      <c r="BW31" s="1432"/>
      <c r="BX31" s="1432"/>
      <c r="BY31" s="1432"/>
      <c r="BZ31" s="1432"/>
      <c r="CA31" s="1432"/>
      <c r="CB31" s="1432"/>
      <c r="CC31" s="1433"/>
    </row>
    <row r="32" spans="1:81" ht="7.5" customHeight="1">
      <c r="A32" s="20"/>
      <c r="B32" s="20"/>
      <c r="C32" s="25"/>
      <c r="D32" s="26"/>
      <c r="E32" s="1459" t="s">
        <v>295</v>
      </c>
      <c r="F32" s="1460"/>
      <c r="G32" s="1460"/>
      <c r="H32" s="1460"/>
      <c r="I32" s="1460"/>
      <c r="J32" s="1460"/>
      <c r="K32" s="1461"/>
      <c r="L32" s="1474" t="s">
        <v>99</v>
      </c>
      <c r="M32" s="1475"/>
      <c r="N32" s="1475"/>
      <c r="O32" s="1498"/>
      <c r="P32" s="1500" t="s">
        <v>45</v>
      </c>
      <c r="Q32" s="1460"/>
      <c r="R32" s="1460"/>
      <c r="S32" s="1460"/>
      <c r="T32" s="1460"/>
      <c r="U32" s="1460"/>
      <c r="V32" s="1461"/>
      <c r="W32" s="1474" t="s">
        <v>304</v>
      </c>
      <c r="X32" s="1475"/>
      <c r="Y32" s="1475"/>
      <c r="Z32" s="1498"/>
      <c r="AA32" s="1500" t="s">
        <v>36</v>
      </c>
      <c r="AB32" s="1460"/>
      <c r="AC32" s="1460"/>
      <c r="AD32" s="1460"/>
      <c r="AE32" s="1460"/>
      <c r="AF32" s="1460"/>
      <c r="AG32" s="1461"/>
      <c r="AH32" s="1474" t="s">
        <v>53</v>
      </c>
      <c r="AI32" s="1475"/>
      <c r="AJ32" s="1475"/>
      <c r="AK32" s="1476"/>
      <c r="AL32" s="26"/>
      <c r="AM32" s="26"/>
      <c r="AN32" s="23"/>
      <c r="AO32" s="22"/>
      <c r="AP32" s="863"/>
      <c r="AQ32" s="1177"/>
      <c r="AR32" s="1434"/>
      <c r="AS32" s="1435"/>
      <c r="AT32" s="1435"/>
      <c r="AU32" s="1435"/>
      <c r="AV32" s="1435"/>
      <c r="AW32" s="1435"/>
      <c r="AX32" s="1435"/>
      <c r="AY32" s="1435"/>
      <c r="AZ32" s="1435"/>
      <c r="BA32" s="1435"/>
      <c r="BB32" s="1435"/>
      <c r="BC32" s="1435"/>
      <c r="BD32" s="1435"/>
      <c r="BE32" s="1435"/>
      <c r="BF32" s="1435"/>
      <c r="BG32" s="1435"/>
      <c r="BH32" s="1435"/>
      <c r="BI32" s="1435"/>
      <c r="BJ32" s="1435"/>
      <c r="BK32" s="1435"/>
      <c r="BL32" s="1435"/>
      <c r="BM32" s="1435"/>
      <c r="BN32" s="1435"/>
      <c r="BO32" s="1435"/>
      <c r="BP32" s="1435"/>
      <c r="BQ32" s="1435"/>
      <c r="BR32" s="1435"/>
      <c r="BS32" s="1435"/>
      <c r="BT32" s="1435"/>
      <c r="BU32" s="1435"/>
      <c r="BV32" s="1435"/>
      <c r="BW32" s="1435"/>
      <c r="BX32" s="1435"/>
      <c r="BY32" s="1435"/>
      <c r="BZ32" s="1435"/>
      <c r="CA32" s="1435"/>
      <c r="CB32" s="1435"/>
      <c r="CC32" s="1436"/>
    </row>
    <row r="33" spans="1:81" ht="7.5" customHeight="1">
      <c r="A33" s="20"/>
      <c r="B33" s="20"/>
      <c r="C33" s="25"/>
      <c r="D33" s="26"/>
      <c r="E33" s="1465"/>
      <c r="F33" s="1466"/>
      <c r="G33" s="1466"/>
      <c r="H33" s="1466"/>
      <c r="I33" s="1466"/>
      <c r="J33" s="1466"/>
      <c r="K33" s="1467"/>
      <c r="L33" s="1477"/>
      <c r="M33" s="1478"/>
      <c r="N33" s="1478"/>
      <c r="O33" s="1499"/>
      <c r="P33" s="1501"/>
      <c r="Q33" s="1466"/>
      <c r="R33" s="1466"/>
      <c r="S33" s="1466"/>
      <c r="T33" s="1466"/>
      <c r="U33" s="1466"/>
      <c r="V33" s="1467"/>
      <c r="W33" s="1477"/>
      <c r="X33" s="1478"/>
      <c r="Y33" s="1478"/>
      <c r="Z33" s="1499"/>
      <c r="AA33" s="1501"/>
      <c r="AB33" s="1466"/>
      <c r="AC33" s="1466"/>
      <c r="AD33" s="1466"/>
      <c r="AE33" s="1466"/>
      <c r="AF33" s="1466"/>
      <c r="AG33" s="1467"/>
      <c r="AH33" s="1477"/>
      <c r="AI33" s="1478"/>
      <c r="AJ33" s="1478"/>
      <c r="AK33" s="1479"/>
      <c r="AL33" s="26"/>
      <c r="AM33" s="26"/>
      <c r="AN33" s="23"/>
      <c r="AO33" s="22"/>
      <c r="AP33" s="37"/>
      <c r="AQ33" s="37"/>
      <c r="AR33" s="1202" t="s">
        <v>283</v>
      </c>
      <c r="AS33" s="1233"/>
      <c r="AT33" s="1233"/>
      <c r="AU33" s="1233"/>
      <c r="AV33" s="1233"/>
      <c r="AW33" s="1233"/>
      <c r="AX33" s="1233"/>
      <c r="AY33" s="1233"/>
      <c r="AZ33" s="1233"/>
      <c r="BA33" s="1233"/>
      <c r="BB33" s="1233"/>
      <c r="BC33" s="1233"/>
      <c r="BD33" s="1233"/>
      <c r="BE33" s="1233"/>
      <c r="BF33" s="1233"/>
      <c r="BG33" s="1233"/>
      <c r="BH33" s="1233"/>
      <c r="BI33" s="1233"/>
      <c r="BJ33" s="1233"/>
      <c r="BK33" s="1233"/>
      <c r="BL33" s="1233"/>
      <c r="BM33" s="1233"/>
      <c r="BN33" s="1233"/>
      <c r="BO33" s="1233"/>
      <c r="BP33" s="1233"/>
      <c r="BQ33" s="1233"/>
      <c r="BR33" s="1233"/>
      <c r="BS33" s="1233"/>
      <c r="BT33" s="1233"/>
      <c r="BU33" s="1233"/>
      <c r="BV33" s="1233"/>
      <c r="BW33" s="1233"/>
      <c r="BX33" s="1233"/>
      <c r="BY33" s="1233"/>
      <c r="BZ33" s="1233"/>
      <c r="CA33" s="1233"/>
      <c r="CB33" s="1233"/>
      <c r="CC33" s="1402"/>
    </row>
    <row r="34" spans="1:81" ht="7.5" customHeight="1">
      <c r="A34" s="20"/>
      <c r="B34" s="20"/>
      <c r="C34" s="25"/>
      <c r="D34" s="26"/>
      <c r="E34" s="1459" t="s">
        <v>37</v>
      </c>
      <c r="F34" s="1460"/>
      <c r="G34" s="1460"/>
      <c r="H34" s="1460"/>
      <c r="I34" s="1460"/>
      <c r="J34" s="1460"/>
      <c r="K34" s="1461"/>
      <c r="L34" s="1474" t="s">
        <v>50</v>
      </c>
      <c r="M34" s="1475"/>
      <c r="N34" s="1475"/>
      <c r="O34" s="1498"/>
      <c r="P34" s="1500" t="s">
        <v>35</v>
      </c>
      <c r="Q34" s="1460"/>
      <c r="R34" s="1460"/>
      <c r="S34" s="1460"/>
      <c r="T34" s="1460"/>
      <c r="U34" s="1460"/>
      <c r="V34" s="1461"/>
      <c r="W34" s="1474" t="s">
        <v>302</v>
      </c>
      <c r="X34" s="1475"/>
      <c r="Y34" s="1475"/>
      <c r="Z34" s="1498"/>
      <c r="AA34" s="1500" t="s">
        <v>39</v>
      </c>
      <c r="AB34" s="1460"/>
      <c r="AC34" s="1460"/>
      <c r="AD34" s="1460"/>
      <c r="AE34" s="1460"/>
      <c r="AF34" s="1460"/>
      <c r="AG34" s="1461"/>
      <c r="AH34" s="1474" t="s">
        <v>54</v>
      </c>
      <c r="AI34" s="1475"/>
      <c r="AJ34" s="1475"/>
      <c r="AK34" s="1476"/>
      <c r="AL34" s="26"/>
      <c r="AM34" s="26"/>
      <c r="AN34" s="23"/>
      <c r="AO34" s="22"/>
      <c r="AP34" s="37"/>
      <c r="AQ34" s="37"/>
      <c r="AR34" s="1202"/>
      <c r="AS34" s="1233"/>
      <c r="AT34" s="1233"/>
      <c r="AU34" s="1233"/>
      <c r="AV34" s="1233"/>
      <c r="AW34" s="1233"/>
      <c r="AX34" s="1233"/>
      <c r="AY34" s="1233"/>
      <c r="AZ34" s="1233"/>
      <c r="BA34" s="1233"/>
      <c r="BB34" s="1233"/>
      <c r="BC34" s="1233"/>
      <c r="BD34" s="1233"/>
      <c r="BE34" s="1233"/>
      <c r="BF34" s="1233"/>
      <c r="BG34" s="1233"/>
      <c r="BH34" s="1233"/>
      <c r="BI34" s="1233"/>
      <c r="BJ34" s="1233"/>
      <c r="BK34" s="1233"/>
      <c r="BL34" s="1233"/>
      <c r="BM34" s="1233"/>
      <c r="BN34" s="1233"/>
      <c r="BO34" s="1233"/>
      <c r="BP34" s="1233"/>
      <c r="BQ34" s="1233"/>
      <c r="BR34" s="1233"/>
      <c r="BS34" s="1233"/>
      <c r="BT34" s="1233"/>
      <c r="BU34" s="1233"/>
      <c r="BV34" s="1233"/>
      <c r="BW34" s="1233"/>
      <c r="BX34" s="1233"/>
      <c r="BY34" s="1233"/>
      <c r="BZ34" s="1233"/>
      <c r="CA34" s="1233"/>
      <c r="CB34" s="1233"/>
      <c r="CC34" s="1402"/>
    </row>
    <row r="35" spans="1:81" ht="7.5" customHeight="1">
      <c r="A35" s="20"/>
      <c r="B35" s="20"/>
      <c r="C35" s="25"/>
      <c r="D35" s="26"/>
      <c r="E35" s="1465"/>
      <c r="F35" s="1466"/>
      <c r="G35" s="1466"/>
      <c r="H35" s="1466"/>
      <c r="I35" s="1466"/>
      <c r="J35" s="1466"/>
      <c r="K35" s="1467"/>
      <c r="L35" s="1477"/>
      <c r="M35" s="1478"/>
      <c r="N35" s="1478"/>
      <c r="O35" s="1499"/>
      <c r="P35" s="1501"/>
      <c r="Q35" s="1466"/>
      <c r="R35" s="1466"/>
      <c r="S35" s="1466"/>
      <c r="T35" s="1466"/>
      <c r="U35" s="1466"/>
      <c r="V35" s="1467"/>
      <c r="W35" s="1477"/>
      <c r="X35" s="1478"/>
      <c r="Y35" s="1478"/>
      <c r="Z35" s="1499"/>
      <c r="AA35" s="1501"/>
      <c r="AB35" s="1466"/>
      <c r="AC35" s="1466"/>
      <c r="AD35" s="1466"/>
      <c r="AE35" s="1466"/>
      <c r="AF35" s="1466"/>
      <c r="AG35" s="1467"/>
      <c r="AH35" s="1477"/>
      <c r="AI35" s="1478"/>
      <c r="AJ35" s="1478"/>
      <c r="AK35" s="1479"/>
      <c r="AL35" s="26"/>
      <c r="AM35" s="26"/>
      <c r="AN35" s="23"/>
      <c r="AO35" s="22"/>
      <c r="AP35" s="37"/>
      <c r="AQ35" s="37"/>
      <c r="AR35" s="1202" t="s">
        <v>284</v>
      </c>
      <c r="AS35" s="1233"/>
      <c r="AT35" s="1233"/>
      <c r="AU35" s="1233"/>
      <c r="AV35" s="1233"/>
      <c r="AW35" s="1233"/>
      <c r="AX35" s="1233"/>
      <c r="AY35" s="1233"/>
      <c r="AZ35" s="1233"/>
      <c r="BA35" s="1233"/>
      <c r="BB35" s="1233"/>
      <c r="BC35" s="1233"/>
      <c r="BD35" s="1233"/>
      <c r="BE35" s="1233"/>
      <c r="BF35" s="1233"/>
      <c r="BG35" s="1233"/>
      <c r="BH35" s="1233"/>
      <c r="BI35" s="1233"/>
      <c r="BJ35" s="1233"/>
      <c r="BK35" s="1233"/>
      <c r="BL35" s="1233"/>
      <c r="BM35" s="1233"/>
      <c r="BN35" s="1233"/>
      <c r="BO35" s="1233"/>
      <c r="BP35" s="1233"/>
      <c r="BQ35" s="1233"/>
      <c r="BR35" s="1233"/>
      <c r="BS35" s="1233"/>
      <c r="BT35" s="1233"/>
      <c r="BU35" s="1233"/>
      <c r="BV35" s="1233"/>
      <c r="BW35" s="1233"/>
      <c r="BX35" s="1233"/>
      <c r="BY35" s="1233"/>
      <c r="BZ35" s="1233"/>
      <c r="CA35" s="1233"/>
      <c r="CB35" s="1233"/>
      <c r="CC35" s="1402"/>
    </row>
    <row r="36" spans="1:81" ht="7.5" customHeight="1">
      <c r="A36" s="20"/>
      <c r="B36" s="20"/>
      <c r="C36" s="25"/>
      <c r="D36" s="26"/>
      <c r="E36" s="1459" t="s">
        <v>296</v>
      </c>
      <c r="F36" s="1460"/>
      <c r="G36" s="1460"/>
      <c r="H36" s="1460"/>
      <c r="I36" s="1460"/>
      <c r="J36" s="1460"/>
      <c r="K36" s="1461"/>
      <c r="L36" s="1474" t="s">
        <v>309</v>
      </c>
      <c r="M36" s="1475"/>
      <c r="N36" s="1475"/>
      <c r="O36" s="1498"/>
      <c r="P36" s="1500" t="s">
        <v>38</v>
      </c>
      <c r="Q36" s="1460"/>
      <c r="R36" s="1460"/>
      <c r="S36" s="1460"/>
      <c r="T36" s="1460"/>
      <c r="U36" s="1460"/>
      <c r="V36" s="1461"/>
      <c r="W36" s="1474" t="s">
        <v>303</v>
      </c>
      <c r="X36" s="1475"/>
      <c r="Y36" s="1475"/>
      <c r="Z36" s="1498"/>
      <c r="AA36" s="1500" t="s">
        <v>41</v>
      </c>
      <c r="AB36" s="1460"/>
      <c r="AC36" s="1460"/>
      <c r="AD36" s="1460"/>
      <c r="AE36" s="1460"/>
      <c r="AF36" s="1460"/>
      <c r="AG36" s="1461"/>
      <c r="AH36" s="1474" t="s">
        <v>55</v>
      </c>
      <c r="AI36" s="1475"/>
      <c r="AJ36" s="1475"/>
      <c r="AK36" s="1476"/>
      <c r="AL36" s="26"/>
      <c r="AM36" s="26"/>
      <c r="AN36" s="23"/>
      <c r="AO36" s="22"/>
      <c r="AP36" s="466"/>
      <c r="AQ36" s="467"/>
      <c r="AR36" s="1202"/>
      <c r="AS36" s="1233"/>
      <c r="AT36" s="1233"/>
      <c r="AU36" s="1233"/>
      <c r="AV36" s="1233"/>
      <c r="AW36" s="1233"/>
      <c r="AX36" s="1233"/>
      <c r="AY36" s="1233"/>
      <c r="AZ36" s="1233"/>
      <c r="BA36" s="1233"/>
      <c r="BB36" s="1233"/>
      <c r="BC36" s="1233"/>
      <c r="BD36" s="1233"/>
      <c r="BE36" s="1233"/>
      <c r="BF36" s="1233"/>
      <c r="BG36" s="1233"/>
      <c r="BH36" s="1233"/>
      <c r="BI36" s="1233"/>
      <c r="BJ36" s="1233"/>
      <c r="BK36" s="1233"/>
      <c r="BL36" s="1233"/>
      <c r="BM36" s="1233"/>
      <c r="BN36" s="1233"/>
      <c r="BO36" s="1233"/>
      <c r="BP36" s="1233"/>
      <c r="BQ36" s="1233"/>
      <c r="BR36" s="1233"/>
      <c r="BS36" s="1233"/>
      <c r="BT36" s="1233"/>
      <c r="BU36" s="1233"/>
      <c r="BV36" s="1233"/>
      <c r="BW36" s="1233"/>
      <c r="BX36" s="1233"/>
      <c r="BY36" s="1233"/>
      <c r="BZ36" s="1233"/>
      <c r="CA36" s="1233"/>
      <c r="CB36" s="1233"/>
      <c r="CC36" s="1402"/>
    </row>
    <row r="37" spans="1:81" ht="7.5" customHeight="1">
      <c r="A37" s="20"/>
      <c r="B37" s="20"/>
      <c r="C37" s="25"/>
      <c r="D37" s="26"/>
      <c r="E37" s="1465"/>
      <c r="F37" s="1466"/>
      <c r="G37" s="1466"/>
      <c r="H37" s="1466"/>
      <c r="I37" s="1466"/>
      <c r="J37" s="1466"/>
      <c r="K37" s="1467"/>
      <c r="L37" s="1477"/>
      <c r="M37" s="1478"/>
      <c r="N37" s="1478"/>
      <c r="O37" s="1499"/>
      <c r="P37" s="1501"/>
      <c r="Q37" s="1466"/>
      <c r="R37" s="1466"/>
      <c r="S37" s="1466"/>
      <c r="T37" s="1466"/>
      <c r="U37" s="1466"/>
      <c r="V37" s="1467"/>
      <c r="W37" s="1477"/>
      <c r="X37" s="1478"/>
      <c r="Y37" s="1478"/>
      <c r="Z37" s="1499"/>
      <c r="AA37" s="1501"/>
      <c r="AB37" s="1466"/>
      <c r="AC37" s="1466"/>
      <c r="AD37" s="1466"/>
      <c r="AE37" s="1466"/>
      <c r="AF37" s="1466"/>
      <c r="AG37" s="1467"/>
      <c r="AH37" s="1477"/>
      <c r="AI37" s="1478"/>
      <c r="AJ37" s="1478"/>
      <c r="AK37" s="1479"/>
      <c r="AL37" s="26"/>
      <c r="AM37" s="26"/>
      <c r="AN37" s="23"/>
      <c r="AO37" s="22"/>
      <c r="AP37" s="466"/>
      <c r="AQ37" s="467"/>
      <c r="AR37" s="1202" t="s">
        <v>119</v>
      </c>
      <c r="AS37" s="1233"/>
      <c r="AT37" s="1233"/>
      <c r="AU37" s="1233"/>
      <c r="AV37" s="1233"/>
      <c r="AW37" s="1233"/>
      <c r="AX37" s="1233"/>
      <c r="AY37" s="1233"/>
      <c r="AZ37" s="1233"/>
      <c r="BA37" s="1233"/>
      <c r="BB37" s="1233"/>
      <c r="BC37" s="1233"/>
      <c r="BD37" s="1233"/>
      <c r="BE37" s="1233"/>
      <c r="BF37" s="1233"/>
      <c r="BG37" s="1233"/>
      <c r="BH37" s="1233"/>
      <c r="BI37" s="1233"/>
      <c r="BJ37" s="1233"/>
      <c r="BK37" s="1233"/>
      <c r="BL37" s="1233"/>
      <c r="BM37" s="1233"/>
      <c r="BN37" s="1233"/>
      <c r="BO37" s="1233"/>
      <c r="BP37" s="1233"/>
      <c r="BQ37" s="1233"/>
      <c r="BR37" s="1233"/>
      <c r="BS37" s="1233"/>
      <c r="BT37" s="1233"/>
      <c r="BU37" s="1233"/>
      <c r="BV37" s="1233"/>
      <c r="BW37" s="1233"/>
      <c r="BX37" s="1233"/>
      <c r="BY37" s="1233"/>
      <c r="BZ37" s="1233"/>
      <c r="CA37" s="1233"/>
      <c r="CB37" s="1233"/>
      <c r="CC37" s="1402"/>
    </row>
    <row r="38" spans="1:81" ht="7.5" customHeight="1">
      <c r="A38" s="20"/>
      <c r="B38" s="20"/>
      <c r="C38" s="25"/>
      <c r="D38" s="26"/>
      <c r="E38" s="1459" t="s">
        <v>297</v>
      </c>
      <c r="F38" s="1460"/>
      <c r="G38" s="1460"/>
      <c r="H38" s="1460"/>
      <c r="I38" s="1460"/>
      <c r="J38" s="1460"/>
      <c r="K38" s="1461"/>
      <c r="L38" s="1474" t="s">
        <v>310</v>
      </c>
      <c r="M38" s="1475"/>
      <c r="N38" s="1475"/>
      <c r="O38" s="1498"/>
      <c r="P38" s="1500" t="s">
        <v>40</v>
      </c>
      <c r="Q38" s="1460"/>
      <c r="R38" s="1460"/>
      <c r="S38" s="1460"/>
      <c r="T38" s="1460"/>
      <c r="U38" s="1460"/>
      <c r="V38" s="1461"/>
      <c r="W38" s="1474" t="s">
        <v>96</v>
      </c>
      <c r="X38" s="1475"/>
      <c r="Y38" s="1475"/>
      <c r="Z38" s="1498"/>
      <c r="AA38" s="1500" t="s">
        <v>44</v>
      </c>
      <c r="AB38" s="1460"/>
      <c r="AC38" s="1460"/>
      <c r="AD38" s="1460"/>
      <c r="AE38" s="1460"/>
      <c r="AF38" s="1460"/>
      <c r="AG38" s="1461"/>
      <c r="AH38" s="1474" t="s">
        <v>56</v>
      </c>
      <c r="AI38" s="1475"/>
      <c r="AJ38" s="1475"/>
      <c r="AK38" s="1476"/>
      <c r="AL38" s="26"/>
      <c r="AM38" s="26"/>
      <c r="AN38" s="23"/>
      <c r="AO38" s="22"/>
      <c r="AP38" s="37"/>
      <c r="AQ38" s="37"/>
      <c r="AR38" s="1202"/>
      <c r="AS38" s="1233"/>
      <c r="AT38" s="1233"/>
      <c r="AU38" s="1233"/>
      <c r="AV38" s="1233"/>
      <c r="AW38" s="1233"/>
      <c r="AX38" s="1233"/>
      <c r="AY38" s="1233"/>
      <c r="AZ38" s="1233"/>
      <c r="BA38" s="1233"/>
      <c r="BB38" s="1233"/>
      <c r="BC38" s="1233"/>
      <c r="BD38" s="1233"/>
      <c r="BE38" s="1233"/>
      <c r="BF38" s="1233"/>
      <c r="BG38" s="1233"/>
      <c r="BH38" s="1233"/>
      <c r="BI38" s="1233"/>
      <c r="BJ38" s="1233"/>
      <c r="BK38" s="1233"/>
      <c r="BL38" s="1233"/>
      <c r="BM38" s="1233"/>
      <c r="BN38" s="1233"/>
      <c r="BO38" s="1233"/>
      <c r="BP38" s="1233"/>
      <c r="BQ38" s="1233"/>
      <c r="BR38" s="1233"/>
      <c r="BS38" s="1233"/>
      <c r="BT38" s="1233"/>
      <c r="BU38" s="1233"/>
      <c r="BV38" s="1233"/>
      <c r="BW38" s="1233"/>
      <c r="BX38" s="1233"/>
      <c r="BY38" s="1233"/>
      <c r="BZ38" s="1233"/>
      <c r="CA38" s="1233"/>
      <c r="CB38" s="1233"/>
      <c r="CC38" s="1402"/>
    </row>
    <row r="39" spans="1:81" ht="7.5" customHeight="1">
      <c r="A39" s="20"/>
      <c r="B39" s="20"/>
      <c r="C39" s="25"/>
      <c r="D39" s="26"/>
      <c r="E39" s="1465"/>
      <c r="F39" s="1466"/>
      <c r="G39" s="1466"/>
      <c r="H39" s="1466"/>
      <c r="I39" s="1466"/>
      <c r="J39" s="1466"/>
      <c r="K39" s="1467"/>
      <c r="L39" s="1477"/>
      <c r="M39" s="1478"/>
      <c r="N39" s="1478"/>
      <c r="O39" s="1499"/>
      <c r="P39" s="1501"/>
      <c r="Q39" s="1466"/>
      <c r="R39" s="1466"/>
      <c r="S39" s="1466"/>
      <c r="T39" s="1466"/>
      <c r="U39" s="1466"/>
      <c r="V39" s="1467"/>
      <c r="W39" s="1477"/>
      <c r="X39" s="1478"/>
      <c r="Y39" s="1478"/>
      <c r="Z39" s="1499"/>
      <c r="AA39" s="1501"/>
      <c r="AB39" s="1466"/>
      <c r="AC39" s="1466"/>
      <c r="AD39" s="1466"/>
      <c r="AE39" s="1466"/>
      <c r="AF39" s="1466"/>
      <c r="AG39" s="1467"/>
      <c r="AH39" s="1477"/>
      <c r="AI39" s="1478"/>
      <c r="AJ39" s="1478"/>
      <c r="AK39" s="1479"/>
      <c r="AL39" s="26"/>
      <c r="AM39" s="26"/>
      <c r="AN39" s="23"/>
      <c r="AO39" s="22"/>
      <c r="AP39" s="37"/>
      <c r="AQ39" s="37"/>
      <c r="AR39" s="1202" t="s">
        <v>120</v>
      </c>
      <c r="AS39" s="1233"/>
      <c r="AT39" s="1233"/>
      <c r="AU39" s="1233"/>
      <c r="AV39" s="1233"/>
      <c r="AW39" s="1233"/>
      <c r="AX39" s="1233"/>
      <c r="AY39" s="1233"/>
      <c r="AZ39" s="1233"/>
      <c r="BA39" s="1233"/>
      <c r="BB39" s="1233"/>
      <c r="BC39" s="1233"/>
      <c r="BD39" s="1233"/>
      <c r="BE39" s="1233"/>
      <c r="BF39" s="1233"/>
      <c r="BG39" s="1233"/>
      <c r="BH39" s="1233"/>
      <c r="BI39" s="1233"/>
      <c r="BJ39" s="1233"/>
      <c r="BK39" s="1233"/>
      <c r="BL39" s="1233"/>
      <c r="BM39" s="1233"/>
      <c r="BN39" s="1233"/>
      <c r="BO39" s="1233"/>
      <c r="BP39" s="1233"/>
      <c r="BQ39" s="1233"/>
      <c r="BR39" s="1233"/>
      <c r="BS39" s="1233"/>
      <c r="BT39" s="1233"/>
      <c r="BU39" s="1233"/>
      <c r="BV39" s="1233"/>
      <c r="BW39" s="1233"/>
      <c r="BX39" s="1233"/>
      <c r="BY39" s="1233"/>
      <c r="BZ39" s="1233"/>
      <c r="CA39" s="1233"/>
      <c r="CB39" s="1233"/>
      <c r="CC39" s="1402"/>
    </row>
    <row r="40" spans="1:81" ht="7.5" customHeight="1">
      <c r="A40" s="20"/>
      <c r="B40" s="20"/>
      <c r="C40" s="25"/>
      <c r="D40" s="26"/>
      <c r="E40" s="1626" t="s">
        <v>32</v>
      </c>
      <c r="F40" s="1626"/>
      <c r="G40" s="1626"/>
      <c r="H40" s="1626"/>
      <c r="I40" s="1626"/>
      <c r="J40" s="1626"/>
      <c r="K40" s="1626"/>
      <c r="L40" s="1624" t="s">
        <v>51</v>
      </c>
      <c r="M40" s="1624"/>
      <c r="N40" s="1624"/>
      <c r="O40" s="1625"/>
      <c r="P40" s="1500" t="s">
        <v>43</v>
      </c>
      <c r="Q40" s="1460"/>
      <c r="R40" s="1460"/>
      <c r="S40" s="1460"/>
      <c r="T40" s="1460"/>
      <c r="U40" s="1460"/>
      <c r="V40" s="1461"/>
      <c r="W40" s="1474" t="s">
        <v>52</v>
      </c>
      <c r="X40" s="1475"/>
      <c r="Y40" s="1475"/>
      <c r="Z40" s="1498"/>
      <c r="AA40" s="1627" t="s">
        <v>47</v>
      </c>
      <c r="AB40" s="1626"/>
      <c r="AC40" s="1626"/>
      <c r="AD40" s="1626"/>
      <c r="AE40" s="1626"/>
      <c r="AF40" s="1626"/>
      <c r="AG40" s="1626"/>
      <c r="AH40" s="1624" t="s">
        <v>98</v>
      </c>
      <c r="AI40" s="1624"/>
      <c r="AJ40" s="1624"/>
      <c r="AK40" s="1624"/>
      <c r="AL40" s="26"/>
      <c r="AM40" s="26"/>
      <c r="AN40" s="23"/>
      <c r="AO40" s="22"/>
      <c r="AP40" s="37"/>
      <c r="AQ40" s="37"/>
      <c r="AR40" s="1202"/>
      <c r="AS40" s="1233"/>
      <c r="AT40" s="1233"/>
      <c r="AU40" s="1233"/>
      <c r="AV40" s="1233"/>
      <c r="AW40" s="1233"/>
      <c r="AX40" s="1233"/>
      <c r="AY40" s="1233"/>
      <c r="AZ40" s="1233"/>
      <c r="BA40" s="1233"/>
      <c r="BB40" s="1233"/>
      <c r="BC40" s="1233"/>
      <c r="BD40" s="1233"/>
      <c r="BE40" s="1233"/>
      <c r="BF40" s="1233"/>
      <c r="BG40" s="1233"/>
      <c r="BH40" s="1233"/>
      <c r="BI40" s="1233"/>
      <c r="BJ40" s="1233"/>
      <c r="BK40" s="1233"/>
      <c r="BL40" s="1233"/>
      <c r="BM40" s="1233"/>
      <c r="BN40" s="1233"/>
      <c r="BO40" s="1233"/>
      <c r="BP40" s="1233"/>
      <c r="BQ40" s="1233"/>
      <c r="BR40" s="1233"/>
      <c r="BS40" s="1233"/>
      <c r="BT40" s="1233"/>
      <c r="BU40" s="1233"/>
      <c r="BV40" s="1233"/>
      <c r="BW40" s="1233"/>
      <c r="BX40" s="1233"/>
      <c r="BY40" s="1233"/>
      <c r="BZ40" s="1233"/>
      <c r="CA40" s="1233"/>
      <c r="CB40" s="1233"/>
      <c r="CC40" s="1402"/>
    </row>
    <row r="41" spans="1:81" ht="7.5" customHeight="1">
      <c r="A41" s="20"/>
      <c r="B41" s="20"/>
      <c r="C41" s="25"/>
      <c r="D41" s="26"/>
      <c r="E41" s="1626"/>
      <c r="F41" s="1626"/>
      <c r="G41" s="1626"/>
      <c r="H41" s="1626"/>
      <c r="I41" s="1626"/>
      <c r="J41" s="1626"/>
      <c r="K41" s="1626"/>
      <c r="L41" s="1624"/>
      <c r="M41" s="1624"/>
      <c r="N41" s="1624"/>
      <c r="O41" s="1625"/>
      <c r="P41" s="1501"/>
      <c r="Q41" s="1466"/>
      <c r="R41" s="1466"/>
      <c r="S41" s="1466"/>
      <c r="T41" s="1466"/>
      <c r="U41" s="1466"/>
      <c r="V41" s="1467"/>
      <c r="W41" s="1477"/>
      <c r="X41" s="1478"/>
      <c r="Y41" s="1478"/>
      <c r="Z41" s="1499"/>
      <c r="AA41" s="1627"/>
      <c r="AB41" s="1626"/>
      <c r="AC41" s="1626"/>
      <c r="AD41" s="1626"/>
      <c r="AE41" s="1626"/>
      <c r="AF41" s="1626"/>
      <c r="AG41" s="1626"/>
      <c r="AH41" s="1624"/>
      <c r="AI41" s="1624"/>
      <c r="AJ41" s="1624"/>
      <c r="AK41" s="1624"/>
      <c r="AL41" s="26"/>
      <c r="AM41" s="26"/>
      <c r="AN41" s="23"/>
      <c r="AO41" s="22"/>
      <c r="AP41" s="37"/>
      <c r="AQ41" s="37"/>
      <c r="AR41" s="1202" t="s">
        <v>342</v>
      </c>
      <c r="AS41" s="1233"/>
      <c r="AT41" s="1233"/>
      <c r="AU41" s="1233"/>
      <c r="AV41" s="1233"/>
      <c r="AW41" s="1233"/>
      <c r="AX41" s="1233"/>
      <c r="AY41" s="1233"/>
      <c r="AZ41" s="1233"/>
      <c r="BA41" s="1233"/>
      <c r="BB41" s="1233"/>
      <c r="BC41" s="1233"/>
      <c r="BD41" s="1233"/>
      <c r="BE41" s="1233"/>
      <c r="BF41" s="1233"/>
      <c r="BG41" s="1233"/>
      <c r="BH41" s="1233"/>
      <c r="BI41" s="1233"/>
      <c r="BJ41" s="1233"/>
      <c r="BK41" s="1233"/>
      <c r="BL41" s="1233"/>
      <c r="BM41" s="1233"/>
      <c r="BN41" s="1233"/>
      <c r="BO41" s="1233"/>
      <c r="BP41" s="1233"/>
      <c r="BQ41" s="1233"/>
      <c r="BR41" s="1233"/>
      <c r="BS41" s="1233"/>
      <c r="BT41" s="1233"/>
      <c r="BU41" s="1233"/>
      <c r="BV41" s="1233"/>
      <c r="BW41" s="1233"/>
      <c r="BX41" s="1233"/>
      <c r="BY41" s="1233"/>
      <c r="BZ41" s="1233"/>
      <c r="CA41" s="1233"/>
      <c r="CB41" s="1233"/>
      <c r="CC41" s="1402"/>
    </row>
    <row r="42" spans="1:81" ht="7.5" customHeight="1">
      <c r="A42" s="20"/>
      <c r="B42" s="20"/>
      <c r="C42" s="1202" t="s">
        <v>339</v>
      </c>
      <c r="D42" s="1233"/>
      <c r="E42" s="1233"/>
      <c r="F42" s="1233"/>
      <c r="G42" s="1233"/>
      <c r="H42" s="1233"/>
      <c r="I42" s="1233"/>
      <c r="J42" s="1233"/>
      <c r="K42" s="1233"/>
      <c r="L42" s="1233"/>
      <c r="M42" s="1233"/>
      <c r="N42" s="1233"/>
      <c r="O42" s="1233"/>
      <c r="P42" s="1233"/>
      <c r="Q42" s="1233"/>
      <c r="R42" s="1233"/>
      <c r="S42" s="1233"/>
      <c r="T42" s="1233"/>
      <c r="U42" s="1233"/>
      <c r="V42" s="1233"/>
      <c r="W42" s="1233"/>
      <c r="X42" s="1233"/>
      <c r="Y42" s="1233"/>
      <c r="Z42" s="1233"/>
      <c r="AA42" s="1233"/>
      <c r="AB42" s="1233"/>
      <c r="AC42" s="1233"/>
      <c r="AD42" s="1233"/>
      <c r="AE42" s="1233"/>
      <c r="AF42" s="1233"/>
      <c r="AG42" s="1233"/>
      <c r="AH42" s="1233"/>
      <c r="AI42" s="1233"/>
      <c r="AJ42" s="1233"/>
      <c r="AK42" s="1233"/>
      <c r="AL42" s="1233"/>
      <c r="AM42" s="1233"/>
      <c r="AN42" s="1402"/>
      <c r="AO42" s="22"/>
      <c r="AP42" s="37"/>
      <c r="AQ42" s="37"/>
      <c r="AR42" s="1202"/>
      <c r="AS42" s="1233"/>
      <c r="AT42" s="1233"/>
      <c r="AU42" s="1233"/>
      <c r="AV42" s="1233"/>
      <c r="AW42" s="1233"/>
      <c r="AX42" s="1233"/>
      <c r="AY42" s="1233"/>
      <c r="AZ42" s="1233"/>
      <c r="BA42" s="1233"/>
      <c r="BB42" s="1233"/>
      <c r="BC42" s="1233"/>
      <c r="BD42" s="1233"/>
      <c r="BE42" s="1233"/>
      <c r="BF42" s="1233"/>
      <c r="BG42" s="1233"/>
      <c r="BH42" s="1233"/>
      <c r="BI42" s="1233"/>
      <c r="BJ42" s="1233"/>
      <c r="BK42" s="1233"/>
      <c r="BL42" s="1233"/>
      <c r="BM42" s="1233"/>
      <c r="BN42" s="1233"/>
      <c r="BO42" s="1233"/>
      <c r="BP42" s="1233"/>
      <c r="BQ42" s="1233"/>
      <c r="BR42" s="1233"/>
      <c r="BS42" s="1233"/>
      <c r="BT42" s="1233"/>
      <c r="BU42" s="1233"/>
      <c r="BV42" s="1233"/>
      <c r="BW42" s="1233"/>
      <c r="BX42" s="1233"/>
      <c r="BY42" s="1233"/>
      <c r="BZ42" s="1233"/>
      <c r="CA42" s="1233"/>
      <c r="CB42" s="1233"/>
      <c r="CC42" s="1402"/>
    </row>
    <row r="43" spans="1:81" ht="7.5" customHeight="1">
      <c r="A43" s="494"/>
      <c r="B43" s="494"/>
      <c r="C43" s="1202"/>
      <c r="D43" s="1233"/>
      <c r="E43" s="1233"/>
      <c r="F43" s="1233"/>
      <c r="G43" s="1233"/>
      <c r="H43" s="1233"/>
      <c r="I43" s="1233"/>
      <c r="J43" s="1233"/>
      <c r="K43" s="1233"/>
      <c r="L43" s="1233"/>
      <c r="M43" s="1233"/>
      <c r="N43" s="1233"/>
      <c r="O43" s="1233"/>
      <c r="P43" s="1233"/>
      <c r="Q43" s="1233"/>
      <c r="R43" s="1233"/>
      <c r="S43" s="1233"/>
      <c r="T43" s="1233"/>
      <c r="U43" s="1233"/>
      <c r="V43" s="1233"/>
      <c r="W43" s="1233"/>
      <c r="X43" s="1233"/>
      <c r="Y43" s="1233"/>
      <c r="Z43" s="1233"/>
      <c r="AA43" s="1233"/>
      <c r="AB43" s="1233"/>
      <c r="AC43" s="1233"/>
      <c r="AD43" s="1233"/>
      <c r="AE43" s="1233"/>
      <c r="AF43" s="1233"/>
      <c r="AG43" s="1233"/>
      <c r="AH43" s="1233"/>
      <c r="AI43" s="1233"/>
      <c r="AJ43" s="1233"/>
      <c r="AK43" s="1233"/>
      <c r="AL43" s="1233"/>
      <c r="AM43" s="1233"/>
      <c r="AN43" s="1402"/>
      <c r="AO43" s="22"/>
      <c r="AP43" s="37"/>
      <c r="AQ43" s="37"/>
      <c r="AR43" s="25"/>
      <c r="AS43" s="26"/>
      <c r="AT43" s="26"/>
      <c r="AU43" s="26"/>
      <c r="AV43" s="26"/>
      <c r="AW43" s="26"/>
      <c r="AX43" s="26"/>
      <c r="AY43" s="26"/>
      <c r="AZ43" s="26"/>
      <c r="BA43" s="26"/>
      <c r="BB43" s="26"/>
      <c r="BC43" s="26"/>
      <c r="BD43" s="26"/>
      <c r="BE43" s="26"/>
      <c r="BF43" s="26"/>
      <c r="BG43" s="26"/>
      <c r="BH43" s="26"/>
      <c r="BI43" s="26"/>
      <c r="BJ43" s="26"/>
      <c r="BK43" s="26"/>
      <c r="BL43" s="26"/>
      <c r="BM43" s="26"/>
      <c r="BN43" s="26"/>
      <c r="BO43" s="26"/>
      <c r="BP43" s="26"/>
      <c r="BQ43" s="26"/>
      <c r="BR43" s="26"/>
      <c r="BS43" s="26"/>
      <c r="BT43" s="26"/>
      <c r="BU43" s="26"/>
      <c r="BV43" s="26"/>
      <c r="BW43" s="26"/>
      <c r="BX43" s="26"/>
      <c r="BY43" s="26"/>
      <c r="BZ43" s="26"/>
      <c r="CA43" s="26"/>
      <c r="CB43" s="26"/>
      <c r="CC43" s="23"/>
    </row>
    <row r="44" spans="1:81" ht="7.5" customHeight="1">
      <c r="A44" s="494"/>
      <c r="B44" s="494"/>
      <c r="C44" s="1686" t="s">
        <v>629</v>
      </c>
      <c r="D44" s="1687"/>
      <c r="E44" s="1687"/>
      <c r="F44" s="1687"/>
      <c r="G44" s="1687"/>
      <c r="H44" s="1687"/>
      <c r="I44" s="1687"/>
      <c r="J44" s="1687"/>
      <c r="K44" s="1687"/>
      <c r="L44" s="1687"/>
      <c r="M44" s="1687"/>
      <c r="N44" s="1687"/>
      <c r="O44" s="1687"/>
      <c r="P44" s="1687"/>
      <c r="Q44" s="1687"/>
      <c r="R44" s="1687"/>
      <c r="S44" s="1687"/>
      <c r="T44" s="1687"/>
      <c r="U44" s="1687"/>
      <c r="V44" s="1687"/>
      <c r="W44" s="1687"/>
      <c r="X44" s="1687"/>
      <c r="Y44" s="1687"/>
      <c r="Z44" s="1687"/>
      <c r="AA44" s="1687"/>
      <c r="AB44" s="1687"/>
      <c r="AC44" s="1687"/>
      <c r="AD44" s="1687"/>
      <c r="AE44" s="1687"/>
      <c r="AF44" s="1687"/>
      <c r="AG44" s="1687"/>
      <c r="AH44" s="1687"/>
      <c r="AI44" s="1687"/>
      <c r="AJ44" s="1687"/>
      <c r="AK44" s="1687"/>
      <c r="AL44" s="1687"/>
      <c r="AM44" s="1687"/>
      <c r="AN44" s="1688"/>
      <c r="AO44" s="22"/>
      <c r="AP44" s="37"/>
      <c r="AQ44" s="37"/>
      <c r="AR44" s="1202" t="s">
        <v>106</v>
      </c>
      <c r="AS44" s="1233"/>
      <c r="AT44" s="1233"/>
      <c r="AU44" s="1233"/>
      <c r="AV44" s="1233"/>
      <c r="AW44" s="1233"/>
      <c r="AX44" s="1233"/>
      <c r="AY44" s="1233"/>
      <c r="AZ44" s="1233"/>
      <c r="BA44" s="1233"/>
      <c r="BB44" s="1233"/>
      <c r="BC44" s="1233"/>
      <c r="BD44" s="1233"/>
      <c r="BE44" s="1233"/>
      <c r="BF44" s="1233"/>
      <c r="BG44" s="1233"/>
      <c r="BH44" s="1233"/>
      <c r="BI44" s="1233"/>
      <c r="BJ44" s="1233"/>
      <c r="BK44" s="1233"/>
      <c r="BL44" s="1233"/>
      <c r="BM44" s="1233"/>
      <c r="BN44" s="1233"/>
      <c r="BO44" s="1233"/>
      <c r="BP44" s="1233"/>
      <c r="BQ44" s="1233"/>
      <c r="BR44" s="1233"/>
      <c r="BS44" s="1233"/>
      <c r="BT44" s="1233"/>
      <c r="BU44" s="1233"/>
      <c r="BV44" s="1233"/>
      <c r="BW44" s="1233"/>
      <c r="BX44" s="1233"/>
      <c r="BY44" s="1233"/>
      <c r="BZ44" s="1233"/>
      <c r="CA44" s="1233"/>
      <c r="CB44" s="1233"/>
      <c r="CC44" s="1402"/>
    </row>
    <row r="45" spans="1:81" ht="7.5" customHeight="1">
      <c r="A45" s="20"/>
      <c r="B45" s="20"/>
      <c r="C45" s="1686"/>
      <c r="D45" s="1687"/>
      <c r="E45" s="1687"/>
      <c r="F45" s="1687"/>
      <c r="G45" s="1687"/>
      <c r="H45" s="1687"/>
      <c r="I45" s="1687"/>
      <c r="J45" s="1687"/>
      <c r="K45" s="1687"/>
      <c r="L45" s="1687"/>
      <c r="M45" s="1687"/>
      <c r="N45" s="1687"/>
      <c r="O45" s="1687"/>
      <c r="P45" s="1687"/>
      <c r="Q45" s="1687"/>
      <c r="R45" s="1687"/>
      <c r="S45" s="1687"/>
      <c r="T45" s="1687"/>
      <c r="U45" s="1687"/>
      <c r="V45" s="1687"/>
      <c r="W45" s="1687"/>
      <c r="X45" s="1687"/>
      <c r="Y45" s="1687"/>
      <c r="Z45" s="1687"/>
      <c r="AA45" s="1687"/>
      <c r="AB45" s="1687"/>
      <c r="AC45" s="1687"/>
      <c r="AD45" s="1687"/>
      <c r="AE45" s="1687"/>
      <c r="AF45" s="1687"/>
      <c r="AG45" s="1687"/>
      <c r="AH45" s="1687"/>
      <c r="AI45" s="1687"/>
      <c r="AJ45" s="1687"/>
      <c r="AK45" s="1687"/>
      <c r="AL45" s="1687"/>
      <c r="AM45" s="1687"/>
      <c r="AN45" s="1688"/>
      <c r="AO45" s="22"/>
      <c r="AP45" s="37"/>
      <c r="AQ45" s="37"/>
      <c r="AR45" s="1202"/>
      <c r="AS45" s="1233"/>
      <c r="AT45" s="1233"/>
      <c r="AU45" s="1233"/>
      <c r="AV45" s="1233"/>
      <c r="AW45" s="1233"/>
      <c r="AX45" s="1233"/>
      <c r="AY45" s="1233"/>
      <c r="AZ45" s="1233"/>
      <c r="BA45" s="1233"/>
      <c r="BB45" s="1233"/>
      <c r="BC45" s="1233"/>
      <c r="BD45" s="1233"/>
      <c r="BE45" s="1233"/>
      <c r="BF45" s="1233"/>
      <c r="BG45" s="1233"/>
      <c r="BH45" s="1233"/>
      <c r="BI45" s="1233"/>
      <c r="BJ45" s="1233"/>
      <c r="BK45" s="1233"/>
      <c r="BL45" s="1233"/>
      <c r="BM45" s="1233"/>
      <c r="BN45" s="1233"/>
      <c r="BO45" s="1233"/>
      <c r="BP45" s="1233"/>
      <c r="BQ45" s="1233"/>
      <c r="BR45" s="1233"/>
      <c r="BS45" s="1233"/>
      <c r="BT45" s="1233"/>
      <c r="BU45" s="1233"/>
      <c r="BV45" s="1233"/>
      <c r="BW45" s="1233"/>
      <c r="BX45" s="1233"/>
      <c r="BY45" s="1233"/>
      <c r="BZ45" s="1233"/>
      <c r="CA45" s="1233"/>
      <c r="CB45" s="1233"/>
      <c r="CC45" s="1402"/>
    </row>
    <row r="46" spans="1:81" ht="7.5" customHeight="1">
      <c r="A46" s="20"/>
      <c r="B46" s="20"/>
      <c r="C46" s="1437" t="s">
        <v>754</v>
      </c>
      <c r="D46" s="1438"/>
      <c r="E46" s="1438"/>
      <c r="F46" s="1438"/>
      <c r="G46" s="1438"/>
      <c r="H46" s="1438"/>
      <c r="I46" s="1438"/>
      <c r="J46" s="1438"/>
      <c r="K46" s="1438"/>
      <c r="L46" s="1438"/>
      <c r="M46" s="1438"/>
      <c r="N46" s="1438"/>
      <c r="O46" s="1438"/>
      <c r="P46" s="1438"/>
      <c r="Q46" s="1438"/>
      <c r="R46" s="1438"/>
      <c r="S46" s="1438"/>
      <c r="T46" s="1438"/>
      <c r="U46" s="1438"/>
      <c r="V46" s="1438"/>
      <c r="W46" s="1438"/>
      <c r="X46" s="1438"/>
      <c r="Y46" s="1438"/>
      <c r="Z46" s="1438"/>
      <c r="AA46" s="1438"/>
      <c r="AB46" s="1438"/>
      <c r="AC46" s="1438"/>
      <c r="AD46" s="1438"/>
      <c r="AE46" s="1438"/>
      <c r="AF46" s="1438"/>
      <c r="AG46" s="1438"/>
      <c r="AH46" s="1438"/>
      <c r="AI46" s="1438"/>
      <c r="AJ46" s="1438"/>
      <c r="AK46" s="1438"/>
      <c r="AL46" s="1438"/>
      <c r="AM46" s="1438"/>
      <c r="AN46" s="1439"/>
      <c r="AO46" s="22"/>
      <c r="AP46" s="37"/>
      <c r="AQ46" s="37"/>
      <c r="AR46" s="1202" t="s">
        <v>107</v>
      </c>
      <c r="AS46" s="1233"/>
      <c r="AT46" s="1233"/>
      <c r="AU46" s="1233"/>
      <c r="AV46" s="1233"/>
      <c r="AW46" s="1233"/>
      <c r="AX46" s="1233"/>
      <c r="AY46" s="1233"/>
      <c r="AZ46" s="1233"/>
      <c r="BA46" s="1233"/>
      <c r="BB46" s="1233"/>
      <c r="BC46" s="1233"/>
      <c r="BD46" s="1233"/>
      <c r="BE46" s="1233"/>
      <c r="BF46" s="1233"/>
      <c r="BG46" s="1233"/>
      <c r="BH46" s="1233"/>
      <c r="BI46" s="1233"/>
      <c r="BJ46" s="1233"/>
      <c r="BK46" s="1233"/>
      <c r="BL46" s="1233"/>
      <c r="BM46" s="1233"/>
      <c r="BN46" s="1233"/>
      <c r="BO46" s="1233"/>
      <c r="BP46" s="1233"/>
      <c r="BQ46" s="1233"/>
      <c r="BR46" s="1233"/>
      <c r="BS46" s="1233"/>
      <c r="BT46" s="1233"/>
      <c r="BU46" s="1233"/>
      <c r="BV46" s="1233"/>
      <c r="BW46" s="1233"/>
      <c r="BX46" s="1233"/>
      <c r="BY46" s="1233"/>
      <c r="BZ46" s="1233"/>
      <c r="CA46" s="1233"/>
      <c r="CB46" s="1233"/>
      <c r="CC46" s="1402"/>
    </row>
    <row r="47" spans="1:81" ht="7.5" customHeight="1">
      <c r="A47" s="20"/>
      <c r="B47" s="20"/>
      <c r="C47" s="1440"/>
      <c r="D47" s="1441"/>
      <c r="E47" s="1441"/>
      <c r="F47" s="1441"/>
      <c r="G47" s="1441"/>
      <c r="H47" s="1441"/>
      <c r="I47" s="1441"/>
      <c r="J47" s="1441"/>
      <c r="K47" s="1441"/>
      <c r="L47" s="1441"/>
      <c r="M47" s="1441"/>
      <c r="N47" s="1441"/>
      <c r="O47" s="1441"/>
      <c r="P47" s="1441"/>
      <c r="Q47" s="1441"/>
      <c r="R47" s="1441"/>
      <c r="S47" s="1441"/>
      <c r="T47" s="1441"/>
      <c r="U47" s="1441"/>
      <c r="V47" s="1441"/>
      <c r="W47" s="1441"/>
      <c r="X47" s="1441"/>
      <c r="Y47" s="1441"/>
      <c r="Z47" s="1441"/>
      <c r="AA47" s="1441"/>
      <c r="AB47" s="1441"/>
      <c r="AC47" s="1441"/>
      <c r="AD47" s="1441"/>
      <c r="AE47" s="1441"/>
      <c r="AF47" s="1441"/>
      <c r="AG47" s="1441"/>
      <c r="AH47" s="1441"/>
      <c r="AI47" s="1441"/>
      <c r="AJ47" s="1441"/>
      <c r="AK47" s="1441"/>
      <c r="AL47" s="1441"/>
      <c r="AM47" s="1441"/>
      <c r="AN47" s="1442"/>
      <c r="AO47" s="22"/>
      <c r="AP47" s="37"/>
      <c r="AQ47" s="37"/>
      <c r="AR47" s="1202"/>
      <c r="AS47" s="1233"/>
      <c r="AT47" s="1233"/>
      <c r="AU47" s="1233"/>
      <c r="AV47" s="1233"/>
      <c r="AW47" s="1233"/>
      <c r="AX47" s="1233"/>
      <c r="AY47" s="1233"/>
      <c r="AZ47" s="1233"/>
      <c r="BA47" s="1233"/>
      <c r="BB47" s="1233"/>
      <c r="BC47" s="1233"/>
      <c r="BD47" s="1233"/>
      <c r="BE47" s="1233"/>
      <c r="BF47" s="1233"/>
      <c r="BG47" s="1233"/>
      <c r="BH47" s="1233"/>
      <c r="BI47" s="1233"/>
      <c r="BJ47" s="1233"/>
      <c r="BK47" s="1233"/>
      <c r="BL47" s="1233"/>
      <c r="BM47" s="1233"/>
      <c r="BN47" s="1233"/>
      <c r="BO47" s="1233"/>
      <c r="BP47" s="1233"/>
      <c r="BQ47" s="1233"/>
      <c r="BR47" s="1233"/>
      <c r="BS47" s="1233"/>
      <c r="BT47" s="1233"/>
      <c r="BU47" s="1233"/>
      <c r="BV47" s="1233"/>
      <c r="BW47" s="1233"/>
      <c r="BX47" s="1233"/>
      <c r="BY47" s="1233"/>
      <c r="BZ47" s="1233"/>
      <c r="CA47" s="1233"/>
      <c r="CB47" s="1233"/>
      <c r="CC47" s="1402"/>
    </row>
    <row r="48" spans="1:81" ht="7.5" customHeight="1">
      <c r="A48" s="863" t="s">
        <v>90</v>
      </c>
      <c r="B48" s="1236"/>
      <c r="C48" s="1431" t="s">
        <v>748</v>
      </c>
      <c r="D48" s="1432"/>
      <c r="E48" s="1432"/>
      <c r="F48" s="1432"/>
      <c r="G48" s="1432"/>
      <c r="H48" s="1432"/>
      <c r="I48" s="1432"/>
      <c r="J48" s="1432"/>
      <c r="K48" s="1432"/>
      <c r="L48" s="1432"/>
      <c r="M48" s="1432"/>
      <c r="N48" s="1432"/>
      <c r="O48" s="1432"/>
      <c r="P48" s="1432"/>
      <c r="Q48" s="1432"/>
      <c r="R48" s="1432"/>
      <c r="S48" s="1432"/>
      <c r="T48" s="1432"/>
      <c r="U48" s="1432"/>
      <c r="V48" s="1432"/>
      <c r="W48" s="1432"/>
      <c r="X48" s="1432"/>
      <c r="Y48" s="1432"/>
      <c r="Z48" s="1432"/>
      <c r="AA48" s="1432"/>
      <c r="AB48" s="1432"/>
      <c r="AC48" s="1432"/>
      <c r="AD48" s="1432"/>
      <c r="AE48" s="1432"/>
      <c r="AF48" s="1432"/>
      <c r="AG48" s="1432"/>
      <c r="AH48" s="1432"/>
      <c r="AI48" s="1432"/>
      <c r="AJ48" s="1432"/>
      <c r="AK48" s="1432"/>
      <c r="AL48" s="1432"/>
      <c r="AM48" s="1432"/>
      <c r="AN48" s="1433"/>
      <c r="AO48" s="22"/>
      <c r="AP48" s="37"/>
      <c r="AQ48" s="37"/>
      <c r="AR48" s="1202" t="s">
        <v>108</v>
      </c>
      <c r="AS48" s="1233"/>
      <c r="AT48" s="1233"/>
      <c r="AU48" s="1233"/>
      <c r="AV48" s="1233"/>
      <c r="AW48" s="1233"/>
      <c r="AX48" s="1233"/>
      <c r="AY48" s="1233"/>
      <c r="AZ48" s="1233"/>
      <c r="BA48" s="1233"/>
      <c r="BB48" s="1233"/>
      <c r="BC48" s="1233"/>
      <c r="BD48" s="1233"/>
      <c r="BE48" s="1233"/>
      <c r="BF48" s="1233"/>
      <c r="BG48" s="1233"/>
      <c r="BH48" s="1233"/>
      <c r="BI48" s="1233"/>
      <c r="BJ48" s="1233"/>
      <c r="BK48" s="1233"/>
      <c r="BL48" s="1233"/>
      <c r="BM48" s="1233"/>
      <c r="BN48" s="1233"/>
      <c r="BO48" s="1233"/>
      <c r="BP48" s="1233"/>
      <c r="BQ48" s="1233"/>
      <c r="BR48" s="1233"/>
      <c r="BS48" s="1233"/>
      <c r="BT48" s="1233"/>
      <c r="BU48" s="1233"/>
      <c r="BV48" s="1233"/>
      <c r="BW48" s="1233"/>
      <c r="BX48" s="1233"/>
      <c r="BY48" s="1233"/>
      <c r="BZ48" s="1233"/>
      <c r="CA48" s="1233"/>
      <c r="CB48" s="1233"/>
      <c r="CC48" s="1402"/>
    </row>
    <row r="49" spans="1:81" ht="7.5" customHeight="1">
      <c r="A49" s="863"/>
      <c r="B49" s="1236"/>
      <c r="C49" s="1434"/>
      <c r="D49" s="1435"/>
      <c r="E49" s="1435"/>
      <c r="F49" s="1435"/>
      <c r="G49" s="1435"/>
      <c r="H49" s="1435"/>
      <c r="I49" s="1435"/>
      <c r="J49" s="1435"/>
      <c r="K49" s="1435"/>
      <c r="L49" s="1435"/>
      <c r="M49" s="1435"/>
      <c r="N49" s="1435"/>
      <c r="O49" s="1435"/>
      <c r="P49" s="1435"/>
      <c r="Q49" s="1435"/>
      <c r="R49" s="1435"/>
      <c r="S49" s="1435"/>
      <c r="T49" s="1435"/>
      <c r="U49" s="1435"/>
      <c r="V49" s="1435"/>
      <c r="W49" s="1435"/>
      <c r="X49" s="1435"/>
      <c r="Y49" s="1435"/>
      <c r="Z49" s="1435"/>
      <c r="AA49" s="1435"/>
      <c r="AB49" s="1435"/>
      <c r="AC49" s="1435"/>
      <c r="AD49" s="1435"/>
      <c r="AE49" s="1435"/>
      <c r="AF49" s="1435"/>
      <c r="AG49" s="1435"/>
      <c r="AH49" s="1435"/>
      <c r="AI49" s="1435"/>
      <c r="AJ49" s="1435"/>
      <c r="AK49" s="1435"/>
      <c r="AL49" s="1435"/>
      <c r="AM49" s="1435"/>
      <c r="AN49" s="1436"/>
      <c r="AO49" s="22"/>
      <c r="AP49" s="37"/>
      <c r="AQ49" s="37"/>
      <c r="AR49" s="1202"/>
      <c r="AS49" s="1233"/>
      <c r="AT49" s="1233"/>
      <c r="AU49" s="1233"/>
      <c r="AV49" s="1233"/>
      <c r="AW49" s="1233"/>
      <c r="AX49" s="1233"/>
      <c r="AY49" s="1233"/>
      <c r="AZ49" s="1233"/>
      <c r="BA49" s="1233"/>
      <c r="BB49" s="1233"/>
      <c r="BC49" s="1233"/>
      <c r="BD49" s="1233"/>
      <c r="BE49" s="1233"/>
      <c r="BF49" s="1233"/>
      <c r="BG49" s="1233"/>
      <c r="BH49" s="1233"/>
      <c r="BI49" s="1233"/>
      <c r="BJ49" s="1233"/>
      <c r="BK49" s="1233"/>
      <c r="BL49" s="1233"/>
      <c r="BM49" s="1233"/>
      <c r="BN49" s="1233"/>
      <c r="BO49" s="1233"/>
      <c r="BP49" s="1233"/>
      <c r="BQ49" s="1233"/>
      <c r="BR49" s="1233"/>
      <c r="BS49" s="1233"/>
      <c r="BT49" s="1233"/>
      <c r="BU49" s="1233"/>
      <c r="BV49" s="1233"/>
      <c r="BW49" s="1233"/>
      <c r="BX49" s="1233"/>
      <c r="BY49" s="1233"/>
      <c r="BZ49" s="1233"/>
      <c r="CA49" s="1233"/>
      <c r="CB49" s="1233"/>
      <c r="CC49" s="1402"/>
    </row>
    <row r="50" spans="1:81" ht="7.5" customHeight="1">
      <c r="A50" s="37"/>
      <c r="B50" s="37"/>
      <c r="C50" s="1202" t="s">
        <v>174</v>
      </c>
      <c r="D50" s="1233"/>
      <c r="E50" s="1233"/>
      <c r="F50" s="1233"/>
      <c r="G50" s="1233"/>
      <c r="H50" s="1233"/>
      <c r="I50" s="1233"/>
      <c r="J50" s="1233"/>
      <c r="K50" s="1233"/>
      <c r="L50" s="1233"/>
      <c r="M50" s="1233"/>
      <c r="N50" s="1233"/>
      <c r="O50" s="1233"/>
      <c r="P50" s="1233"/>
      <c r="Q50" s="1233"/>
      <c r="R50" s="1233"/>
      <c r="S50" s="1233"/>
      <c r="T50" s="1233"/>
      <c r="U50" s="1233"/>
      <c r="V50" s="1233"/>
      <c r="W50" s="1233"/>
      <c r="X50" s="1233"/>
      <c r="Y50" s="1233"/>
      <c r="Z50" s="1233"/>
      <c r="AA50" s="1233"/>
      <c r="AB50" s="1233"/>
      <c r="AC50" s="1233"/>
      <c r="AD50" s="1233"/>
      <c r="AE50" s="1233"/>
      <c r="AF50" s="1233"/>
      <c r="AG50" s="1233"/>
      <c r="AH50" s="1233"/>
      <c r="AI50" s="1233"/>
      <c r="AJ50" s="1233"/>
      <c r="AK50" s="1233"/>
      <c r="AL50" s="1233"/>
      <c r="AM50" s="1233"/>
      <c r="AN50" s="1402"/>
      <c r="AO50" s="22"/>
      <c r="AP50" s="37"/>
      <c r="AQ50" s="37"/>
      <c r="AR50" s="25"/>
      <c r="AS50" s="1200" t="s">
        <v>109</v>
      </c>
      <c r="AT50" s="1256"/>
      <c r="AU50" s="1256"/>
      <c r="AV50" s="1256"/>
      <c r="AW50" s="1256"/>
      <c r="AX50" s="1256"/>
      <c r="AY50" s="1256"/>
      <c r="AZ50" s="1256"/>
      <c r="BA50" s="1256"/>
      <c r="BB50" s="1256"/>
      <c r="BC50" s="1256"/>
      <c r="BD50" s="1256"/>
      <c r="BE50" s="1256"/>
      <c r="BF50" s="1256"/>
      <c r="BG50" s="1256"/>
      <c r="BH50" s="1256"/>
      <c r="BI50" s="1256"/>
      <c r="BJ50" s="1256"/>
      <c r="BK50" s="1256"/>
      <c r="BL50" s="1256"/>
      <c r="BM50" s="1256"/>
      <c r="BN50" s="1256"/>
      <c r="BO50" s="1256"/>
      <c r="BP50" s="1256"/>
      <c r="BQ50" s="1256"/>
      <c r="BR50" s="1256"/>
      <c r="BS50" s="1256"/>
      <c r="BT50" s="1256"/>
      <c r="BU50" s="1256"/>
      <c r="BV50" s="1256"/>
      <c r="BW50" s="1256"/>
      <c r="BX50" s="1256"/>
      <c r="BY50" s="1256"/>
      <c r="BZ50" s="1256"/>
      <c r="CA50" s="1403"/>
      <c r="CB50" s="26"/>
      <c r="CC50" s="23"/>
    </row>
    <row r="51" spans="1:81" ht="7.5" customHeight="1">
      <c r="A51" s="37"/>
      <c r="B51" s="37"/>
      <c r="C51" s="1202"/>
      <c r="D51" s="1233"/>
      <c r="E51" s="1233"/>
      <c r="F51" s="1233"/>
      <c r="G51" s="1233"/>
      <c r="H51" s="1233"/>
      <c r="I51" s="1233"/>
      <c r="J51" s="1233"/>
      <c r="K51" s="1233"/>
      <c r="L51" s="1233"/>
      <c r="M51" s="1233"/>
      <c r="N51" s="1233"/>
      <c r="O51" s="1233"/>
      <c r="P51" s="1233"/>
      <c r="Q51" s="1233"/>
      <c r="R51" s="1233"/>
      <c r="S51" s="1233"/>
      <c r="T51" s="1233"/>
      <c r="U51" s="1233"/>
      <c r="V51" s="1233"/>
      <c r="W51" s="1233"/>
      <c r="X51" s="1233"/>
      <c r="Y51" s="1233"/>
      <c r="Z51" s="1233"/>
      <c r="AA51" s="1233"/>
      <c r="AB51" s="1233"/>
      <c r="AC51" s="1233"/>
      <c r="AD51" s="1233"/>
      <c r="AE51" s="1233"/>
      <c r="AF51" s="1233"/>
      <c r="AG51" s="1233"/>
      <c r="AH51" s="1233"/>
      <c r="AI51" s="1233"/>
      <c r="AJ51" s="1233"/>
      <c r="AK51" s="1233"/>
      <c r="AL51" s="1233"/>
      <c r="AM51" s="1233"/>
      <c r="AN51" s="1402"/>
      <c r="AO51" s="22"/>
      <c r="AP51" s="37"/>
      <c r="AQ51" s="37"/>
      <c r="AR51" s="25"/>
      <c r="AS51" s="1202"/>
      <c r="AT51" s="1233"/>
      <c r="AU51" s="1233"/>
      <c r="AV51" s="1233"/>
      <c r="AW51" s="1233"/>
      <c r="AX51" s="1233"/>
      <c r="AY51" s="1233"/>
      <c r="AZ51" s="1233"/>
      <c r="BA51" s="1233"/>
      <c r="BB51" s="1233"/>
      <c r="BC51" s="1233"/>
      <c r="BD51" s="1233"/>
      <c r="BE51" s="1233"/>
      <c r="BF51" s="1233"/>
      <c r="BG51" s="1233"/>
      <c r="BH51" s="1233"/>
      <c r="BI51" s="1233"/>
      <c r="BJ51" s="1233"/>
      <c r="BK51" s="1233"/>
      <c r="BL51" s="1233"/>
      <c r="BM51" s="1233"/>
      <c r="BN51" s="1233"/>
      <c r="BO51" s="1233"/>
      <c r="BP51" s="1233"/>
      <c r="BQ51" s="1233"/>
      <c r="BR51" s="1233"/>
      <c r="BS51" s="1233"/>
      <c r="BT51" s="1233"/>
      <c r="BU51" s="1233"/>
      <c r="BV51" s="1233"/>
      <c r="BW51" s="1233"/>
      <c r="BX51" s="1233"/>
      <c r="BY51" s="1233"/>
      <c r="BZ51" s="1233"/>
      <c r="CA51" s="1402"/>
      <c r="CB51" s="26"/>
      <c r="CC51" s="23"/>
    </row>
    <row r="52" spans="1:81" ht="7.5" customHeight="1">
      <c r="A52" s="37"/>
      <c r="B52" s="37"/>
      <c r="C52" s="1202" t="s">
        <v>48</v>
      </c>
      <c r="D52" s="1233"/>
      <c r="E52" s="1233"/>
      <c r="F52" s="1233"/>
      <c r="G52" s="1233"/>
      <c r="H52" s="1233"/>
      <c r="I52" s="1233"/>
      <c r="J52" s="1233"/>
      <c r="K52" s="1233"/>
      <c r="L52" s="1233"/>
      <c r="M52" s="1233"/>
      <c r="N52" s="1233"/>
      <c r="O52" s="1233"/>
      <c r="P52" s="1233"/>
      <c r="Q52" s="1233"/>
      <c r="R52" s="1233"/>
      <c r="S52" s="1233"/>
      <c r="T52" s="1233"/>
      <c r="U52" s="1233"/>
      <c r="V52" s="1233"/>
      <c r="W52" s="1233"/>
      <c r="X52" s="1233"/>
      <c r="Y52" s="1233"/>
      <c r="Z52" s="1233"/>
      <c r="AA52" s="1233"/>
      <c r="AB52" s="1233"/>
      <c r="AC52" s="1233"/>
      <c r="AD52" s="1233"/>
      <c r="AE52" s="1233"/>
      <c r="AF52" s="1233"/>
      <c r="AG52" s="1233"/>
      <c r="AH52" s="1233"/>
      <c r="AI52" s="1233"/>
      <c r="AJ52" s="1233"/>
      <c r="AK52" s="1233"/>
      <c r="AL52" s="1233"/>
      <c r="AM52" s="1233"/>
      <c r="AN52" s="1402"/>
      <c r="AO52" s="22"/>
      <c r="AP52" s="37"/>
      <c r="AQ52" s="37"/>
      <c r="AR52" s="25"/>
      <c r="AS52" s="1202" t="s">
        <v>110</v>
      </c>
      <c r="AT52" s="1233"/>
      <c r="AU52" s="1233"/>
      <c r="AV52" s="1233"/>
      <c r="AW52" s="1233"/>
      <c r="AX52" s="1233"/>
      <c r="AY52" s="1233"/>
      <c r="AZ52" s="1233"/>
      <c r="BA52" s="1233"/>
      <c r="BB52" s="1233"/>
      <c r="BC52" s="1233"/>
      <c r="BD52" s="1233"/>
      <c r="BE52" s="1233"/>
      <c r="BF52" s="1233"/>
      <c r="BG52" s="1233"/>
      <c r="BH52" s="1233"/>
      <c r="BI52" s="1233"/>
      <c r="BJ52" s="1233"/>
      <c r="BK52" s="1233"/>
      <c r="BL52" s="1233"/>
      <c r="BM52" s="1233"/>
      <c r="BN52" s="1233"/>
      <c r="BO52" s="1233"/>
      <c r="BP52" s="1233"/>
      <c r="BQ52" s="1233"/>
      <c r="BR52" s="1233"/>
      <c r="BS52" s="1233"/>
      <c r="BT52" s="1233"/>
      <c r="BU52" s="1233"/>
      <c r="BV52" s="1233"/>
      <c r="BW52" s="1233"/>
      <c r="BX52" s="1233"/>
      <c r="BY52" s="1233"/>
      <c r="BZ52" s="1233"/>
      <c r="CA52" s="1402"/>
      <c r="CB52" s="26"/>
      <c r="CC52" s="23"/>
    </row>
    <row r="53" spans="1:81" ht="7.5" customHeight="1">
      <c r="A53" s="37"/>
      <c r="B53" s="37"/>
      <c r="C53" s="1202"/>
      <c r="D53" s="1233"/>
      <c r="E53" s="1233"/>
      <c r="F53" s="1233"/>
      <c r="G53" s="1233"/>
      <c r="H53" s="1233"/>
      <c r="I53" s="1233"/>
      <c r="J53" s="1233"/>
      <c r="K53" s="1233"/>
      <c r="L53" s="1233"/>
      <c r="M53" s="1233"/>
      <c r="N53" s="1233"/>
      <c r="O53" s="1233"/>
      <c r="P53" s="1233"/>
      <c r="Q53" s="1233"/>
      <c r="R53" s="1233"/>
      <c r="S53" s="1233"/>
      <c r="T53" s="1233"/>
      <c r="U53" s="1233"/>
      <c r="V53" s="1233"/>
      <c r="W53" s="1233"/>
      <c r="X53" s="1233"/>
      <c r="Y53" s="1233"/>
      <c r="Z53" s="1233"/>
      <c r="AA53" s="1233"/>
      <c r="AB53" s="1233"/>
      <c r="AC53" s="1233"/>
      <c r="AD53" s="1233"/>
      <c r="AE53" s="1233"/>
      <c r="AF53" s="1233"/>
      <c r="AG53" s="1233"/>
      <c r="AH53" s="1233"/>
      <c r="AI53" s="1233"/>
      <c r="AJ53" s="1233"/>
      <c r="AK53" s="1233"/>
      <c r="AL53" s="1233"/>
      <c r="AM53" s="1233"/>
      <c r="AN53" s="1402"/>
      <c r="AO53" s="22"/>
      <c r="AP53" s="37"/>
      <c r="AQ53" s="37"/>
      <c r="AR53" s="25"/>
      <c r="AS53" s="1202"/>
      <c r="AT53" s="1233"/>
      <c r="AU53" s="1233"/>
      <c r="AV53" s="1233"/>
      <c r="AW53" s="1233"/>
      <c r="AX53" s="1233"/>
      <c r="AY53" s="1233"/>
      <c r="AZ53" s="1233"/>
      <c r="BA53" s="1233"/>
      <c r="BB53" s="1233"/>
      <c r="BC53" s="1233"/>
      <c r="BD53" s="1233"/>
      <c r="BE53" s="1233"/>
      <c r="BF53" s="1233"/>
      <c r="BG53" s="1233"/>
      <c r="BH53" s="1233"/>
      <c r="BI53" s="1233"/>
      <c r="BJ53" s="1233"/>
      <c r="BK53" s="1233"/>
      <c r="BL53" s="1233"/>
      <c r="BM53" s="1233"/>
      <c r="BN53" s="1233"/>
      <c r="BO53" s="1233"/>
      <c r="BP53" s="1233"/>
      <c r="BQ53" s="1233"/>
      <c r="BR53" s="1233"/>
      <c r="BS53" s="1233"/>
      <c r="BT53" s="1233"/>
      <c r="BU53" s="1233"/>
      <c r="BV53" s="1233"/>
      <c r="BW53" s="1233"/>
      <c r="BX53" s="1233"/>
      <c r="BY53" s="1233"/>
      <c r="BZ53" s="1233"/>
      <c r="CA53" s="1402"/>
      <c r="CB53" s="26"/>
      <c r="CC53" s="23"/>
    </row>
    <row r="54" spans="1:81" ht="7.5" customHeight="1">
      <c r="A54" s="37"/>
      <c r="B54" s="37"/>
      <c r="C54" s="25"/>
      <c r="D54" s="1468" t="s">
        <v>3</v>
      </c>
      <c r="E54" s="1469"/>
      <c r="F54" s="1469"/>
      <c r="G54" s="1469"/>
      <c r="H54" s="1469"/>
      <c r="I54" s="1469"/>
      <c r="J54" s="1470"/>
      <c r="K54" s="1468" t="s">
        <v>59</v>
      </c>
      <c r="L54" s="1469"/>
      <c r="M54" s="1469"/>
      <c r="N54" s="1469"/>
      <c r="O54" s="1469"/>
      <c r="P54" s="1469"/>
      <c r="Q54" s="1469"/>
      <c r="R54" s="1469"/>
      <c r="S54" s="1469"/>
      <c r="T54" s="1469"/>
      <c r="U54" s="1470"/>
      <c r="V54" s="1468" t="s">
        <v>57</v>
      </c>
      <c r="W54" s="1469"/>
      <c r="X54" s="1469"/>
      <c r="Y54" s="1469"/>
      <c r="Z54" s="1469"/>
      <c r="AA54" s="1469"/>
      <c r="AB54" s="1469"/>
      <c r="AC54" s="1469"/>
      <c r="AD54" s="1469"/>
      <c r="AE54" s="1469"/>
      <c r="AF54" s="1469"/>
      <c r="AG54" s="1469"/>
      <c r="AH54" s="1469"/>
      <c r="AI54" s="1469"/>
      <c r="AJ54" s="1469"/>
      <c r="AK54" s="1469"/>
      <c r="AL54" s="1470"/>
      <c r="AM54" s="26"/>
      <c r="AN54" s="23"/>
      <c r="AO54" s="22"/>
      <c r="AP54" s="37"/>
      <c r="AQ54" s="37"/>
      <c r="AR54" s="25"/>
      <c r="AS54" s="1202" t="s">
        <v>344</v>
      </c>
      <c r="AT54" s="1233"/>
      <c r="AU54" s="1233"/>
      <c r="AV54" s="1233"/>
      <c r="AW54" s="1233"/>
      <c r="AX54" s="1233"/>
      <c r="AY54" s="1233"/>
      <c r="AZ54" s="1233"/>
      <c r="BA54" s="1233"/>
      <c r="BB54" s="1233"/>
      <c r="BC54" s="1233"/>
      <c r="BD54" s="1233"/>
      <c r="BE54" s="1233"/>
      <c r="BF54" s="1233"/>
      <c r="BG54" s="1233"/>
      <c r="BH54" s="1233"/>
      <c r="BI54" s="1233"/>
      <c r="BJ54" s="1233"/>
      <c r="BK54" s="1233"/>
      <c r="BL54" s="1233"/>
      <c r="BM54" s="1233"/>
      <c r="BN54" s="1233"/>
      <c r="BO54" s="1233"/>
      <c r="BP54" s="1233"/>
      <c r="BQ54" s="1233"/>
      <c r="BR54" s="1233"/>
      <c r="BS54" s="1233"/>
      <c r="BT54" s="1233"/>
      <c r="BU54" s="1233"/>
      <c r="BV54" s="1233"/>
      <c r="BW54" s="1233"/>
      <c r="BX54" s="1233"/>
      <c r="BY54" s="1233"/>
      <c r="BZ54" s="1233"/>
      <c r="CA54" s="1402"/>
      <c r="CB54" s="26"/>
      <c r="CC54" s="23"/>
    </row>
    <row r="55" spans="1:81" ht="7.5" customHeight="1">
      <c r="A55" s="37"/>
      <c r="B55" s="37"/>
      <c r="C55" s="25"/>
      <c r="D55" s="1231"/>
      <c r="E55" s="1170"/>
      <c r="F55" s="1170"/>
      <c r="G55" s="1170"/>
      <c r="H55" s="1170"/>
      <c r="I55" s="1170"/>
      <c r="J55" s="1171"/>
      <c r="K55" s="1231"/>
      <c r="L55" s="1170"/>
      <c r="M55" s="1170"/>
      <c r="N55" s="1170"/>
      <c r="O55" s="1170"/>
      <c r="P55" s="1170"/>
      <c r="Q55" s="1170"/>
      <c r="R55" s="1170"/>
      <c r="S55" s="1170"/>
      <c r="T55" s="1170"/>
      <c r="U55" s="1171"/>
      <c r="V55" s="1471"/>
      <c r="W55" s="1472"/>
      <c r="X55" s="1472"/>
      <c r="Y55" s="1472"/>
      <c r="Z55" s="1472"/>
      <c r="AA55" s="1472"/>
      <c r="AB55" s="1472"/>
      <c r="AC55" s="1472"/>
      <c r="AD55" s="1472"/>
      <c r="AE55" s="1472"/>
      <c r="AF55" s="1472"/>
      <c r="AG55" s="1472"/>
      <c r="AH55" s="1472"/>
      <c r="AI55" s="1472"/>
      <c r="AJ55" s="1472"/>
      <c r="AK55" s="1472"/>
      <c r="AL55" s="1473"/>
      <c r="AM55" s="26"/>
      <c r="AN55" s="23"/>
      <c r="AO55" s="22"/>
      <c r="AP55" s="37"/>
      <c r="AQ55" s="37"/>
      <c r="AR55" s="25"/>
      <c r="AS55" s="1202"/>
      <c r="AT55" s="1233"/>
      <c r="AU55" s="1233"/>
      <c r="AV55" s="1233"/>
      <c r="AW55" s="1233"/>
      <c r="AX55" s="1233"/>
      <c r="AY55" s="1233"/>
      <c r="AZ55" s="1233"/>
      <c r="BA55" s="1233"/>
      <c r="BB55" s="1233"/>
      <c r="BC55" s="1233"/>
      <c r="BD55" s="1233"/>
      <c r="BE55" s="1233"/>
      <c r="BF55" s="1233"/>
      <c r="BG55" s="1233"/>
      <c r="BH55" s="1233"/>
      <c r="BI55" s="1233"/>
      <c r="BJ55" s="1233"/>
      <c r="BK55" s="1233"/>
      <c r="BL55" s="1233"/>
      <c r="BM55" s="1233"/>
      <c r="BN55" s="1233"/>
      <c r="BO55" s="1233"/>
      <c r="BP55" s="1233"/>
      <c r="BQ55" s="1233"/>
      <c r="BR55" s="1233"/>
      <c r="BS55" s="1233"/>
      <c r="BT55" s="1233"/>
      <c r="BU55" s="1233"/>
      <c r="BV55" s="1233"/>
      <c r="BW55" s="1233"/>
      <c r="BX55" s="1233"/>
      <c r="BY55" s="1233"/>
      <c r="BZ55" s="1233"/>
      <c r="CA55" s="1402"/>
      <c r="CB55" s="26"/>
      <c r="CC55" s="23"/>
    </row>
    <row r="56" spans="1:81" ht="7.5" customHeight="1">
      <c r="A56" s="37"/>
      <c r="B56" s="37"/>
      <c r="C56" s="25"/>
      <c r="D56" s="1231"/>
      <c r="E56" s="1170"/>
      <c r="F56" s="1170"/>
      <c r="G56" s="1170"/>
      <c r="H56" s="1170"/>
      <c r="I56" s="1170"/>
      <c r="J56" s="1171"/>
      <c r="K56" s="1231"/>
      <c r="L56" s="1170"/>
      <c r="M56" s="1170"/>
      <c r="N56" s="1170"/>
      <c r="O56" s="1170"/>
      <c r="P56" s="1170"/>
      <c r="Q56" s="1170"/>
      <c r="R56" s="1170"/>
      <c r="S56" s="1170"/>
      <c r="T56" s="1170"/>
      <c r="U56" s="1171"/>
      <c r="V56" s="1468" t="s">
        <v>58</v>
      </c>
      <c r="W56" s="1469"/>
      <c r="X56" s="1469"/>
      <c r="Y56" s="1470"/>
      <c r="Z56" s="1468" t="s">
        <v>9</v>
      </c>
      <c r="AA56" s="1469"/>
      <c r="AB56" s="1470"/>
      <c r="AC56" s="1628" t="s">
        <v>5</v>
      </c>
      <c r="AD56" s="1629"/>
      <c r="AE56" s="1629"/>
      <c r="AF56" s="1629"/>
      <c r="AG56" s="1629"/>
      <c r="AH56" s="1630"/>
      <c r="AI56" s="1468" t="s">
        <v>6</v>
      </c>
      <c r="AJ56" s="1469"/>
      <c r="AK56" s="1469"/>
      <c r="AL56" s="1470"/>
      <c r="AM56" s="26"/>
      <c r="AN56" s="23"/>
      <c r="AO56" s="22"/>
      <c r="AP56" s="37"/>
      <c r="AQ56" s="37"/>
      <c r="AR56" s="25"/>
      <c r="AS56" s="1202" t="s">
        <v>343</v>
      </c>
      <c r="AT56" s="1233"/>
      <c r="AU56" s="1233"/>
      <c r="AV56" s="1233"/>
      <c r="AW56" s="1233"/>
      <c r="AX56" s="1233"/>
      <c r="AY56" s="1233"/>
      <c r="AZ56" s="1233"/>
      <c r="BA56" s="1233"/>
      <c r="BB56" s="1233"/>
      <c r="BC56" s="1233"/>
      <c r="BD56" s="1233"/>
      <c r="BE56" s="1233"/>
      <c r="BF56" s="1233"/>
      <c r="BG56" s="1233"/>
      <c r="BH56" s="1233"/>
      <c r="BI56" s="1233"/>
      <c r="BJ56" s="1233"/>
      <c r="BK56" s="1233"/>
      <c r="BL56" s="1233"/>
      <c r="BM56" s="1233"/>
      <c r="BN56" s="1233"/>
      <c r="BO56" s="1233"/>
      <c r="BP56" s="1233"/>
      <c r="BQ56" s="1233"/>
      <c r="BR56" s="1233"/>
      <c r="BS56" s="1233"/>
      <c r="BT56" s="1233"/>
      <c r="BU56" s="1233"/>
      <c r="BV56" s="1233"/>
      <c r="BW56" s="1233"/>
      <c r="BX56" s="1233"/>
      <c r="BY56" s="1233"/>
      <c r="BZ56" s="1233"/>
      <c r="CA56" s="1402"/>
      <c r="CB56" s="26"/>
      <c r="CC56" s="23"/>
    </row>
    <row r="57" spans="1:81" ht="7.5" customHeight="1">
      <c r="A57" s="37"/>
      <c r="B57" s="37"/>
      <c r="C57" s="25"/>
      <c r="D57" s="1231"/>
      <c r="E57" s="1170"/>
      <c r="F57" s="1170"/>
      <c r="G57" s="1170"/>
      <c r="H57" s="1170"/>
      <c r="I57" s="1170"/>
      <c r="J57" s="1171"/>
      <c r="K57" s="1231"/>
      <c r="L57" s="1170"/>
      <c r="M57" s="1170"/>
      <c r="N57" s="1170"/>
      <c r="O57" s="1170"/>
      <c r="P57" s="1170"/>
      <c r="Q57" s="1170"/>
      <c r="R57" s="1170"/>
      <c r="S57" s="1170"/>
      <c r="T57" s="1170"/>
      <c r="U57" s="1171"/>
      <c r="V57" s="1231"/>
      <c r="W57" s="1170"/>
      <c r="X57" s="1170"/>
      <c r="Y57" s="1171"/>
      <c r="Z57" s="1231"/>
      <c r="AA57" s="1170"/>
      <c r="AB57" s="1171"/>
      <c r="AC57" s="1230"/>
      <c r="AD57" s="1619"/>
      <c r="AE57" s="1619"/>
      <c r="AF57" s="1619"/>
      <c r="AG57" s="1619"/>
      <c r="AH57" s="1631"/>
      <c r="AI57" s="1231"/>
      <c r="AJ57" s="1170"/>
      <c r="AK57" s="1170"/>
      <c r="AL57" s="1171"/>
      <c r="AM57" s="26"/>
      <c r="AN57" s="23"/>
      <c r="AO57" s="22"/>
      <c r="AP57" s="37"/>
      <c r="AQ57" s="37"/>
      <c r="AR57" s="25"/>
      <c r="AS57" s="1202"/>
      <c r="AT57" s="1233"/>
      <c r="AU57" s="1233"/>
      <c r="AV57" s="1233"/>
      <c r="AW57" s="1233"/>
      <c r="AX57" s="1233"/>
      <c r="AY57" s="1233"/>
      <c r="AZ57" s="1233"/>
      <c r="BA57" s="1233"/>
      <c r="BB57" s="1233"/>
      <c r="BC57" s="1233"/>
      <c r="BD57" s="1233"/>
      <c r="BE57" s="1233"/>
      <c r="BF57" s="1233"/>
      <c r="BG57" s="1233"/>
      <c r="BH57" s="1233"/>
      <c r="BI57" s="1233"/>
      <c r="BJ57" s="1233"/>
      <c r="BK57" s="1233"/>
      <c r="BL57" s="1233"/>
      <c r="BM57" s="1233"/>
      <c r="BN57" s="1233"/>
      <c r="BO57" s="1233"/>
      <c r="BP57" s="1233"/>
      <c r="BQ57" s="1233"/>
      <c r="BR57" s="1233"/>
      <c r="BS57" s="1233"/>
      <c r="BT57" s="1233"/>
      <c r="BU57" s="1233"/>
      <c r="BV57" s="1233"/>
      <c r="BW57" s="1233"/>
      <c r="BX57" s="1233"/>
      <c r="BY57" s="1233"/>
      <c r="BZ57" s="1233"/>
      <c r="CA57" s="1402"/>
      <c r="CB57" s="26"/>
      <c r="CC57" s="23"/>
    </row>
    <row r="58" spans="1:81" ht="7.5" customHeight="1">
      <c r="A58" s="37"/>
      <c r="B58" s="37"/>
      <c r="C58" s="25"/>
      <c r="D58" s="1471"/>
      <c r="E58" s="1472"/>
      <c r="F58" s="1472"/>
      <c r="G58" s="1472"/>
      <c r="H58" s="1472"/>
      <c r="I58" s="1472"/>
      <c r="J58" s="1473"/>
      <c r="K58" s="1471"/>
      <c r="L58" s="1472"/>
      <c r="M58" s="1472"/>
      <c r="N58" s="1472"/>
      <c r="O58" s="1472"/>
      <c r="P58" s="1472"/>
      <c r="Q58" s="1472"/>
      <c r="R58" s="1472"/>
      <c r="S58" s="1472"/>
      <c r="T58" s="1472"/>
      <c r="U58" s="1473"/>
      <c r="V58" s="1471"/>
      <c r="W58" s="1472"/>
      <c r="X58" s="1472"/>
      <c r="Y58" s="1473"/>
      <c r="Z58" s="1471"/>
      <c r="AA58" s="1472"/>
      <c r="AB58" s="1473"/>
      <c r="AC58" s="1632"/>
      <c r="AD58" s="1633"/>
      <c r="AE58" s="1633"/>
      <c r="AF58" s="1633"/>
      <c r="AG58" s="1633"/>
      <c r="AH58" s="1634"/>
      <c r="AI58" s="1471"/>
      <c r="AJ58" s="1472"/>
      <c r="AK58" s="1472"/>
      <c r="AL58" s="1473"/>
      <c r="AM58" s="26"/>
      <c r="AN58" s="23"/>
      <c r="AO58" s="22"/>
      <c r="AP58" s="37"/>
      <c r="AQ58" s="37"/>
      <c r="AR58" s="25"/>
      <c r="AS58" s="1551" t="s">
        <v>587</v>
      </c>
      <c r="AT58" s="1552"/>
      <c r="AU58" s="1552"/>
      <c r="AV58" s="1552"/>
      <c r="AW58" s="1552"/>
      <c r="AX58" s="1552"/>
      <c r="AY58" s="1552"/>
      <c r="AZ58" s="1552"/>
      <c r="BA58" s="1552"/>
      <c r="BB58" s="1552"/>
      <c r="BC58" s="1552"/>
      <c r="BD58" s="1552"/>
      <c r="BE58" s="1552"/>
      <c r="BF58" s="1552"/>
      <c r="BG58" s="1552"/>
      <c r="BH58" s="1552"/>
      <c r="BI58" s="1552"/>
      <c r="BJ58" s="1552"/>
      <c r="BK58" s="1552"/>
      <c r="BL58" s="1552"/>
      <c r="BM58" s="1552"/>
      <c r="BN58" s="1552"/>
      <c r="BO58" s="1552"/>
      <c r="BP58" s="1552"/>
      <c r="BQ58" s="1552"/>
      <c r="BR58" s="1552"/>
      <c r="BS58" s="1552"/>
      <c r="BT58" s="1552"/>
      <c r="BU58" s="1552"/>
      <c r="BV58" s="1552"/>
      <c r="BW58" s="1552"/>
      <c r="BX58" s="1552"/>
      <c r="BY58" s="1552"/>
      <c r="BZ58" s="1552"/>
      <c r="CA58" s="1553"/>
      <c r="CB58" s="26"/>
      <c r="CC58" s="23"/>
    </row>
    <row r="59" spans="1:81" ht="7.5" customHeight="1">
      <c r="A59" s="37"/>
      <c r="B59" s="37"/>
      <c r="C59" s="25"/>
      <c r="D59" s="1664" t="s">
        <v>306</v>
      </c>
      <c r="E59" s="1665"/>
      <c r="F59" s="1665"/>
      <c r="G59" s="1665"/>
      <c r="H59" s="1665"/>
      <c r="I59" s="1665"/>
      <c r="J59" s="1666"/>
      <c r="K59" s="1459" t="s">
        <v>60</v>
      </c>
      <c r="L59" s="1460"/>
      <c r="M59" s="1460"/>
      <c r="N59" s="1460"/>
      <c r="O59" s="1460"/>
      <c r="P59" s="1460"/>
      <c r="Q59" s="1460"/>
      <c r="R59" s="1460"/>
      <c r="S59" s="1460"/>
      <c r="T59" s="1460"/>
      <c r="U59" s="1461"/>
      <c r="V59" s="1468" t="s">
        <v>63</v>
      </c>
      <c r="W59" s="1469"/>
      <c r="X59" s="1469"/>
      <c r="Y59" s="1470"/>
      <c r="Z59" s="1474" t="s">
        <v>49</v>
      </c>
      <c r="AA59" s="1475"/>
      <c r="AB59" s="1476"/>
      <c r="AC59" s="1655" t="s">
        <v>616</v>
      </c>
      <c r="AD59" s="1656"/>
      <c r="AE59" s="1656"/>
      <c r="AF59" s="1656"/>
      <c r="AG59" s="1656"/>
      <c r="AH59" s="1657"/>
      <c r="AI59" s="1468" t="s">
        <v>100</v>
      </c>
      <c r="AJ59" s="1469"/>
      <c r="AK59" s="1469"/>
      <c r="AL59" s="1470"/>
      <c r="AM59" s="26"/>
      <c r="AN59" s="23"/>
      <c r="AO59" s="22"/>
      <c r="AP59" s="37"/>
      <c r="AQ59" s="37"/>
      <c r="AR59" s="25"/>
      <c r="AS59" s="1551"/>
      <c r="AT59" s="1552"/>
      <c r="AU59" s="1552"/>
      <c r="AV59" s="1552"/>
      <c r="AW59" s="1552"/>
      <c r="AX59" s="1552"/>
      <c r="AY59" s="1552"/>
      <c r="AZ59" s="1552"/>
      <c r="BA59" s="1552"/>
      <c r="BB59" s="1552"/>
      <c r="BC59" s="1552"/>
      <c r="BD59" s="1552"/>
      <c r="BE59" s="1552"/>
      <c r="BF59" s="1552"/>
      <c r="BG59" s="1552"/>
      <c r="BH59" s="1552"/>
      <c r="BI59" s="1552"/>
      <c r="BJ59" s="1552"/>
      <c r="BK59" s="1552"/>
      <c r="BL59" s="1552"/>
      <c r="BM59" s="1552"/>
      <c r="BN59" s="1552"/>
      <c r="BO59" s="1552"/>
      <c r="BP59" s="1552"/>
      <c r="BQ59" s="1552"/>
      <c r="BR59" s="1552"/>
      <c r="BS59" s="1552"/>
      <c r="BT59" s="1552"/>
      <c r="BU59" s="1552"/>
      <c r="BV59" s="1552"/>
      <c r="BW59" s="1552"/>
      <c r="BX59" s="1552"/>
      <c r="BY59" s="1552"/>
      <c r="BZ59" s="1552"/>
      <c r="CA59" s="1553"/>
      <c r="CB59" s="26"/>
      <c r="CC59" s="23"/>
    </row>
    <row r="60" spans="1:81" ht="7.5" customHeight="1">
      <c r="A60" s="37"/>
      <c r="B60" s="37"/>
      <c r="C60" s="25"/>
      <c r="D60" s="1667"/>
      <c r="E60" s="1668"/>
      <c r="F60" s="1668"/>
      <c r="G60" s="1668"/>
      <c r="H60" s="1668"/>
      <c r="I60" s="1668"/>
      <c r="J60" s="1669"/>
      <c r="K60" s="1462"/>
      <c r="L60" s="1463"/>
      <c r="M60" s="1463"/>
      <c r="N60" s="1463"/>
      <c r="O60" s="1463"/>
      <c r="P60" s="1463"/>
      <c r="Q60" s="1463"/>
      <c r="R60" s="1463"/>
      <c r="S60" s="1463"/>
      <c r="T60" s="1463"/>
      <c r="U60" s="1464"/>
      <c r="V60" s="1231"/>
      <c r="W60" s="1170"/>
      <c r="X60" s="1170"/>
      <c r="Y60" s="1171"/>
      <c r="Z60" s="1583"/>
      <c r="AA60" s="1584"/>
      <c r="AB60" s="1585"/>
      <c r="AC60" s="1658"/>
      <c r="AD60" s="1659"/>
      <c r="AE60" s="1659"/>
      <c r="AF60" s="1659"/>
      <c r="AG60" s="1659"/>
      <c r="AH60" s="1660"/>
      <c r="AI60" s="1231"/>
      <c r="AJ60" s="1170"/>
      <c r="AK60" s="1170"/>
      <c r="AL60" s="1171"/>
      <c r="AM60" s="26"/>
      <c r="AN60" s="23"/>
      <c r="AO60" s="22"/>
      <c r="AP60" s="37"/>
      <c r="AQ60" s="37"/>
      <c r="AR60" s="25"/>
      <c r="AS60" s="1202" t="s">
        <v>111</v>
      </c>
      <c r="AT60" s="1233"/>
      <c r="AU60" s="1233"/>
      <c r="AV60" s="1233"/>
      <c r="AW60" s="1233"/>
      <c r="AX60" s="1233"/>
      <c r="AY60" s="1233"/>
      <c r="AZ60" s="1233"/>
      <c r="BA60" s="1233"/>
      <c r="BB60" s="1233"/>
      <c r="BC60" s="1233"/>
      <c r="BD60" s="1233"/>
      <c r="BE60" s="1233"/>
      <c r="BF60" s="1233"/>
      <c r="BG60" s="1233"/>
      <c r="BH60" s="1233"/>
      <c r="BI60" s="1233"/>
      <c r="BJ60" s="1233"/>
      <c r="BK60" s="1233"/>
      <c r="BL60" s="1233"/>
      <c r="BM60" s="1233"/>
      <c r="BN60" s="1233"/>
      <c r="BO60" s="1233"/>
      <c r="BP60" s="1233"/>
      <c r="BQ60" s="1233"/>
      <c r="BR60" s="1233"/>
      <c r="BS60" s="1233"/>
      <c r="BT60" s="1233"/>
      <c r="BU60" s="1233"/>
      <c r="BV60" s="1233"/>
      <c r="BW60" s="1233"/>
      <c r="BX60" s="1233"/>
      <c r="BY60" s="1233"/>
      <c r="BZ60" s="1233"/>
      <c r="CA60" s="1402"/>
      <c r="CB60" s="26"/>
      <c r="CC60" s="23"/>
    </row>
    <row r="61" spans="1:81" ht="7.5" customHeight="1">
      <c r="A61" s="37"/>
      <c r="B61" s="37"/>
      <c r="C61" s="25"/>
      <c r="D61" s="1667"/>
      <c r="E61" s="1668"/>
      <c r="F61" s="1668"/>
      <c r="G61" s="1668"/>
      <c r="H61" s="1668"/>
      <c r="I61" s="1668"/>
      <c r="J61" s="1669"/>
      <c r="K61" s="1462" t="s">
        <v>61</v>
      </c>
      <c r="L61" s="1463"/>
      <c r="M61" s="1463"/>
      <c r="N61" s="1463"/>
      <c r="O61" s="1463"/>
      <c r="P61" s="1463"/>
      <c r="Q61" s="1463"/>
      <c r="R61" s="1463"/>
      <c r="S61" s="1463"/>
      <c r="T61" s="1463"/>
      <c r="U61" s="1464"/>
      <c r="V61" s="1231" t="s">
        <v>33</v>
      </c>
      <c r="W61" s="1170"/>
      <c r="X61" s="1170"/>
      <c r="Y61" s="1171"/>
      <c r="Z61" s="1583" t="s">
        <v>99</v>
      </c>
      <c r="AA61" s="1584"/>
      <c r="AB61" s="1585"/>
      <c r="AC61" s="1658"/>
      <c r="AD61" s="1659"/>
      <c r="AE61" s="1659"/>
      <c r="AF61" s="1659"/>
      <c r="AG61" s="1659"/>
      <c r="AH61" s="1660"/>
      <c r="AI61" s="1231"/>
      <c r="AJ61" s="1170"/>
      <c r="AK61" s="1170"/>
      <c r="AL61" s="1171"/>
      <c r="AM61" s="26"/>
      <c r="AN61" s="23"/>
      <c r="AO61" s="22"/>
      <c r="AP61" s="37"/>
      <c r="AQ61" s="37"/>
      <c r="AR61" s="25"/>
      <c r="AS61" s="1202"/>
      <c r="AT61" s="1233"/>
      <c r="AU61" s="1233"/>
      <c r="AV61" s="1233"/>
      <c r="AW61" s="1233"/>
      <c r="AX61" s="1233"/>
      <c r="AY61" s="1233"/>
      <c r="AZ61" s="1233"/>
      <c r="BA61" s="1233"/>
      <c r="BB61" s="1233"/>
      <c r="BC61" s="1233"/>
      <c r="BD61" s="1233"/>
      <c r="BE61" s="1233"/>
      <c r="BF61" s="1233"/>
      <c r="BG61" s="1233"/>
      <c r="BH61" s="1233"/>
      <c r="BI61" s="1233"/>
      <c r="BJ61" s="1233"/>
      <c r="BK61" s="1233"/>
      <c r="BL61" s="1233"/>
      <c r="BM61" s="1233"/>
      <c r="BN61" s="1233"/>
      <c r="BO61" s="1233"/>
      <c r="BP61" s="1233"/>
      <c r="BQ61" s="1233"/>
      <c r="BR61" s="1233"/>
      <c r="BS61" s="1233"/>
      <c r="BT61" s="1233"/>
      <c r="BU61" s="1233"/>
      <c r="BV61" s="1233"/>
      <c r="BW61" s="1233"/>
      <c r="BX61" s="1233"/>
      <c r="BY61" s="1233"/>
      <c r="BZ61" s="1233"/>
      <c r="CA61" s="1402"/>
      <c r="CB61" s="26"/>
      <c r="CC61" s="23"/>
    </row>
    <row r="62" spans="1:81" ht="7.5" customHeight="1">
      <c r="A62" s="37"/>
      <c r="B62" s="37"/>
      <c r="C62" s="25"/>
      <c r="D62" s="1667"/>
      <c r="E62" s="1668"/>
      <c r="F62" s="1668"/>
      <c r="G62" s="1668"/>
      <c r="H62" s="1668"/>
      <c r="I62" s="1668"/>
      <c r="J62" s="1669"/>
      <c r="K62" s="1462"/>
      <c r="L62" s="1463"/>
      <c r="M62" s="1463"/>
      <c r="N62" s="1463"/>
      <c r="O62" s="1463"/>
      <c r="P62" s="1463"/>
      <c r="Q62" s="1463"/>
      <c r="R62" s="1463"/>
      <c r="S62" s="1463"/>
      <c r="T62" s="1463"/>
      <c r="U62" s="1464"/>
      <c r="V62" s="1231"/>
      <c r="W62" s="1170"/>
      <c r="X62" s="1170"/>
      <c r="Y62" s="1171"/>
      <c r="Z62" s="1583"/>
      <c r="AA62" s="1584"/>
      <c r="AB62" s="1585"/>
      <c r="AC62" s="1658"/>
      <c r="AD62" s="1659"/>
      <c r="AE62" s="1659"/>
      <c r="AF62" s="1659"/>
      <c r="AG62" s="1659"/>
      <c r="AH62" s="1660"/>
      <c r="AI62" s="1231"/>
      <c r="AJ62" s="1170"/>
      <c r="AK62" s="1170"/>
      <c r="AL62" s="1171"/>
      <c r="AM62" s="26"/>
      <c r="AN62" s="23"/>
      <c r="AO62" s="22"/>
      <c r="AP62" s="37"/>
      <c r="AQ62" s="37"/>
      <c r="AR62" s="25"/>
      <c r="AS62" s="1202" t="s">
        <v>535</v>
      </c>
      <c r="AT62" s="1233"/>
      <c r="AU62" s="1233"/>
      <c r="AV62" s="1233"/>
      <c r="AW62" s="1233"/>
      <c r="AX62" s="1233"/>
      <c r="AY62" s="1233"/>
      <c r="AZ62" s="1233"/>
      <c r="BA62" s="1233"/>
      <c r="BB62" s="1233"/>
      <c r="BC62" s="1233"/>
      <c r="BD62" s="1233"/>
      <c r="BE62" s="1233"/>
      <c r="BF62" s="1233"/>
      <c r="BG62" s="1233"/>
      <c r="BH62" s="1233"/>
      <c r="BI62" s="1233"/>
      <c r="BJ62" s="1233"/>
      <c r="BK62" s="1233"/>
      <c r="BL62" s="1233"/>
      <c r="BM62" s="1233"/>
      <c r="BN62" s="1233"/>
      <c r="BO62" s="1233"/>
      <c r="BP62" s="1233"/>
      <c r="BQ62" s="1233"/>
      <c r="BR62" s="1233"/>
      <c r="BS62" s="1233"/>
      <c r="BT62" s="1233"/>
      <c r="BU62" s="1233"/>
      <c r="BV62" s="1233"/>
      <c r="BW62" s="1233"/>
      <c r="BX62" s="1233"/>
      <c r="BY62" s="1233"/>
      <c r="BZ62" s="1233"/>
      <c r="CA62" s="1402"/>
      <c r="CB62" s="26"/>
      <c r="CC62" s="23"/>
    </row>
    <row r="63" spans="1:81" ht="7.5" customHeight="1">
      <c r="A63" s="37"/>
      <c r="B63" s="37"/>
      <c r="C63" s="25"/>
      <c r="D63" s="1667"/>
      <c r="E63" s="1668"/>
      <c r="F63" s="1668"/>
      <c r="G63" s="1668"/>
      <c r="H63" s="1668"/>
      <c r="I63" s="1668"/>
      <c r="J63" s="1669"/>
      <c r="K63" s="1462" t="s">
        <v>62</v>
      </c>
      <c r="L63" s="1463"/>
      <c r="M63" s="1463"/>
      <c r="N63" s="1463"/>
      <c r="O63" s="1463"/>
      <c r="P63" s="1463"/>
      <c r="Q63" s="1463"/>
      <c r="R63" s="1463"/>
      <c r="S63" s="1463"/>
      <c r="T63" s="1463"/>
      <c r="U63" s="1464"/>
      <c r="V63" s="1231" t="s">
        <v>64</v>
      </c>
      <c r="W63" s="1170"/>
      <c r="X63" s="1170"/>
      <c r="Y63" s="1171"/>
      <c r="Z63" s="1583" t="s">
        <v>101</v>
      </c>
      <c r="AA63" s="1584"/>
      <c r="AB63" s="1585"/>
      <c r="AC63" s="1658"/>
      <c r="AD63" s="1659"/>
      <c r="AE63" s="1659"/>
      <c r="AF63" s="1659"/>
      <c r="AG63" s="1659"/>
      <c r="AH63" s="1660"/>
      <c r="AI63" s="1231"/>
      <c r="AJ63" s="1170"/>
      <c r="AK63" s="1170"/>
      <c r="AL63" s="1171"/>
      <c r="AM63" s="26"/>
      <c r="AN63" s="23"/>
      <c r="AO63" s="22"/>
      <c r="AP63" s="37"/>
      <c r="AQ63" s="37"/>
      <c r="AR63" s="25"/>
      <c r="AS63" s="1202"/>
      <c r="AT63" s="1233"/>
      <c r="AU63" s="1233"/>
      <c r="AV63" s="1233"/>
      <c r="AW63" s="1233"/>
      <c r="AX63" s="1233"/>
      <c r="AY63" s="1233"/>
      <c r="AZ63" s="1233"/>
      <c r="BA63" s="1233"/>
      <c r="BB63" s="1233"/>
      <c r="BC63" s="1233"/>
      <c r="BD63" s="1233"/>
      <c r="BE63" s="1233"/>
      <c r="BF63" s="1233"/>
      <c r="BG63" s="1233"/>
      <c r="BH63" s="1233"/>
      <c r="BI63" s="1233"/>
      <c r="BJ63" s="1233"/>
      <c r="BK63" s="1233"/>
      <c r="BL63" s="1233"/>
      <c r="BM63" s="1233"/>
      <c r="BN63" s="1233"/>
      <c r="BO63" s="1233"/>
      <c r="BP63" s="1233"/>
      <c r="BQ63" s="1233"/>
      <c r="BR63" s="1233"/>
      <c r="BS63" s="1233"/>
      <c r="BT63" s="1233"/>
      <c r="BU63" s="1233"/>
      <c r="BV63" s="1233"/>
      <c r="BW63" s="1233"/>
      <c r="BX63" s="1233"/>
      <c r="BY63" s="1233"/>
      <c r="BZ63" s="1233"/>
      <c r="CA63" s="1402"/>
      <c r="CB63" s="26"/>
      <c r="CC63" s="23"/>
    </row>
    <row r="64" spans="1:81" ht="7.5" customHeight="1">
      <c r="A64" s="37"/>
      <c r="B64" s="37"/>
      <c r="C64" s="25"/>
      <c r="D64" s="1670"/>
      <c r="E64" s="1671"/>
      <c r="F64" s="1671"/>
      <c r="G64" s="1671"/>
      <c r="H64" s="1671"/>
      <c r="I64" s="1671"/>
      <c r="J64" s="1672"/>
      <c r="K64" s="1465"/>
      <c r="L64" s="1466"/>
      <c r="M64" s="1466"/>
      <c r="N64" s="1466"/>
      <c r="O64" s="1466"/>
      <c r="P64" s="1466"/>
      <c r="Q64" s="1466"/>
      <c r="R64" s="1466"/>
      <c r="S64" s="1466"/>
      <c r="T64" s="1466"/>
      <c r="U64" s="1467"/>
      <c r="V64" s="1471"/>
      <c r="W64" s="1472"/>
      <c r="X64" s="1472"/>
      <c r="Y64" s="1473"/>
      <c r="Z64" s="1477"/>
      <c r="AA64" s="1478"/>
      <c r="AB64" s="1479"/>
      <c r="AC64" s="1661"/>
      <c r="AD64" s="1662"/>
      <c r="AE64" s="1662"/>
      <c r="AF64" s="1662"/>
      <c r="AG64" s="1662"/>
      <c r="AH64" s="1663"/>
      <c r="AI64" s="1471"/>
      <c r="AJ64" s="1472"/>
      <c r="AK64" s="1472"/>
      <c r="AL64" s="1473"/>
      <c r="AM64" s="26"/>
      <c r="AN64" s="23"/>
      <c r="AO64" s="22"/>
      <c r="AP64" s="37"/>
      <c r="AQ64" s="37"/>
      <c r="AR64" s="25"/>
      <c r="AS64" s="1202" t="s">
        <v>536</v>
      </c>
      <c r="AT64" s="1233"/>
      <c r="AU64" s="1233"/>
      <c r="AV64" s="1233"/>
      <c r="AW64" s="1233"/>
      <c r="AX64" s="1233"/>
      <c r="AY64" s="1233"/>
      <c r="AZ64" s="1233"/>
      <c r="BA64" s="1233"/>
      <c r="BB64" s="1233"/>
      <c r="BC64" s="1233"/>
      <c r="BD64" s="1233"/>
      <c r="BE64" s="1233"/>
      <c r="BF64" s="1233"/>
      <c r="BG64" s="1233"/>
      <c r="BH64" s="1233"/>
      <c r="BI64" s="1233"/>
      <c r="BJ64" s="1233"/>
      <c r="BK64" s="1233"/>
      <c r="BL64" s="1233"/>
      <c r="BM64" s="1233"/>
      <c r="BN64" s="1233"/>
      <c r="BO64" s="1233"/>
      <c r="BP64" s="1233"/>
      <c r="BQ64" s="1233"/>
      <c r="BR64" s="1233"/>
      <c r="BS64" s="1233"/>
      <c r="BT64" s="1233"/>
      <c r="BU64" s="1233"/>
      <c r="BV64" s="1233"/>
      <c r="BW64" s="1233"/>
      <c r="BX64" s="1233"/>
      <c r="BY64" s="1233"/>
      <c r="BZ64" s="1233"/>
      <c r="CA64" s="1402"/>
      <c r="CB64" s="26"/>
      <c r="CC64" s="23"/>
    </row>
    <row r="65" spans="1:81" ht="7.5" customHeight="1">
      <c r="A65" s="37"/>
      <c r="B65" s="37"/>
      <c r="C65" s="25"/>
      <c r="D65" s="1459" t="s">
        <v>42</v>
      </c>
      <c r="E65" s="1460"/>
      <c r="F65" s="1460"/>
      <c r="G65" s="1460"/>
      <c r="H65" s="1460"/>
      <c r="I65" s="1460"/>
      <c r="J65" s="1461"/>
      <c r="K65" s="1459" t="s">
        <v>74</v>
      </c>
      <c r="L65" s="1460"/>
      <c r="M65" s="1460"/>
      <c r="N65" s="1460"/>
      <c r="O65" s="1460"/>
      <c r="P65" s="1460"/>
      <c r="Q65" s="1460"/>
      <c r="R65" s="1460"/>
      <c r="S65" s="1460"/>
      <c r="T65" s="1460"/>
      <c r="U65" s="1461"/>
      <c r="V65" s="1468" t="s">
        <v>66</v>
      </c>
      <c r="W65" s="1469"/>
      <c r="X65" s="1469"/>
      <c r="Y65" s="1470"/>
      <c r="Z65" s="1474" t="s">
        <v>65</v>
      </c>
      <c r="AA65" s="1475"/>
      <c r="AB65" s="1476"/>
      <c r="AC65" s="1574" t="s">
        <v>616</v>
      </c>
      <c r="AD65" s="1575"/>
      <c r="AE65" s="1575"/>
      <c r="AF65" s="1575"/>
      <c r="AG65" s="1575"/>
      <c r="AH65" s="1576"/>
      <c r="AI65" s="1468" t="s">
        <v>100</v>
      </c>
      <c r="AJ65" s="1469"/>
      <c r="AK65" s="1469"/>
      <c r="AL65" s="1470"/>
      <c r="AM65" s="26"/>
      <c r="AN65" s="23"/>
      <c r="AO65" s="22"/>
      <c r="AP65" s="37"/>
      <c r="AQ65" s="37"/>
      <c r="AR65" s="25"/>
      <c r="AS65" s="1202"/>
      <c r="AT65" s="1233"/>
      <c r="AU65" s="1233"/>
      <c r="AV65" s="1233"/>
      <c r="AW65" s="1233"/>
      <c r="AX65" s="1233"/>
      <c r="AY65" s="1233"/>
      <c r="AZ65" s="1233"/>
      <c r="BA65" s="1233"/>
      <c r="BB65" s="1233"/>
      <c r="BC65" s="1233"/>
      <c r="BD65" s="1233"/>
      <c r="BE65" s="1233"/>
      <c r="BF65" s="1233"/>
      <c r="BG65" s="1233"/>
      <c r="BH65" s="1233"/>
      <c r="BI65" s="1233"/>
      <c r="BJ65" s="1233"/>
      <c r="BK65" s="1233"/>
      <c r="BL65" s="1233"/>
      <c r="BM65" s="1233"/>
      <c r="BN65" s="1233"/>
      <c r="BO65" s="1233"/>
      <c r="BP65" s="1233"/>
      <c r="BQ65" s="1233"/>
      <c r="BR65" s="1233"/>
      <c r="BS65" s="1233"/>
      <c r="BT65" s="1233"/>
      <c r="BU65" s="1233"/>
      <c r="BV65" s="1233"/>
      <c r="BW65" s="1233"/>
      <c r="BX65" s="1233"/>
      <c r="BY65" s="1233"/>
      <c r="BZ65" s="1233"/>
      <c r="CA65" s="1402"/>
      <c r="CB65" s="26"/>
      <c r="CC65" s="23"/>
    </row>
    <row r="66" spans="1:81" ht="7.5" customHeight="1">
      <c r="A66" s="37"/>
      <c r="B66" s="37"/>
      <c r="C66" s="25"/>
      <c r="D66" s="1462"/>
      <c r="E66" s="1463"/>
      <c r="F66" s="1463"/>
      <c r="G66" s="1463"/>
      <c r="H66" s="1463"/>
      <c r="I66" s="1463"/>
      <c r="J66" s="1464"/>
      <c r="K66" s="1462"/>
      <c r="L66" s="1463"/>
      <c r="M66" s="1463"/>
      <c r="N66" s="1463"/>
      <c r="O66" s="1463"/>
      <c r="P66" s="1463"/>
      <c r="Q66" s="1463"/>
      <c r="R66" s="1463"/>
      <c r="S66" s="1463"/>
      <c r="T66" s="1463"/>
      <c r="U66" s="1464"/>
      <c r="V66" s="1231"/>
      <c r="W66" s="1170"/>
      <c r="X66" s="1170"/>
      <c r="Y66" s="1171"/>
      <c r="Z66" s="1583"/>
      <c r="AA66" s="1584"/>
      <c r="AB66" s="1585"/>
      <c r="AC66" s="1577"/>
      <c r="AD66" s="1578"/>
      <c r="AE66" s="1578"/>
      <c r="AF66" s="1578"/>
      <c r="AG66" s="1578"/>
      <c r="AH66" s="1579"/>
      <c r="AI66" s="1231"/>
      <c r="AJ66" s="1170"/>
      <c r="AK66" s="1170"/>
      <c r="AL66" s="1171"/>
      <c r="AM66" s="26"/>
      <c r="AN66" s="23"/>
      <c r="AO66" s="22"/>
      <c r="AP66" s="37"/>
      <c r="AQ66" s="37"/>
      <c r="AR66" s="25"/>
      <c r="AS66" s="1202" t="s">
        <v>112</v>
      </c>
      <c r="AT66" s="1233"/>
      <c r="AU66" s="1233"/>
      <c r="AV66" s="1233"/>
      <c r="AW66" s="1233"/>
      <c r="AX66" s="1233"/>
      <c r="AY66" s="1233"/>
      <c r="AZ66" s="1233"/>
      <c r="BA66" s="1233"/>
      <c r="BB66" s="1233"/>
      <c r="BC66" s="1233"/>
      <c r="BD66" s="1233"/>
      <c r="BE66" s="1233"/>
      <c r="BF66" s="1233"/>
      <c r="BG66" s="1233"/>
      <c r="BH66" s="1233"/>
      <c r="BI66" s="1233"/>
      <c r="BJ66" s="1233"/>
      <c r="BK66" s="1233"/>
      <c r="BL66" s="1233"/>
      <c r="BM66" s="1233"/>
      <c r="BN66" s="1233"/>
      <c r="BO66" s="1233"/>
      <c r="BP66" s="1233"/>
      <c r="BQ66" s="1233"/>
      <c r="BR66" s="1233"/>
      <c r="BS66" s="1233"/>
      <c r="BT66" s="1233"/>
      <c r="BU66" s="1233"/>
      <c r="BV66" s="1233"/>
      <c r="BW66" s="1233"/>
      <c r="BX66" s="1233"/>
      <c r="BY66" s="1233"/>
      <c r="BZ66" s="1233"/>
      <c r="CA66" s="1402"/>
      <c r="CB66" s="26"/>
      <c r="CC66" s="23"/>
    </row>
    <row r="67" spans="1:81" ht="7.5" customHeight="1">
      <c r="A67" s="37"/>
      <c r="B67" s="37"/>
      <c r="C67" s="25"/>
      <c r="D67" s="1465"/>
      <c r="E67" s="1466"/>
      <c r="F67" s="1466"/>
      <c r="G67" s="1466"/>
      <c r="H67" s="1466"/>
      <c r="I67" s="1466"/>
      <c r="J67" s="1467"/>
      <c r="K67" s="1465"/>
      <c r="L67" s="1466"/>
      <c r="M67" s="1466"/>
      <c r="N67" s="1466"/>
      <c r="O67" s="1466"/>
      <c r="P67" s="1466"/>
      <c r="Q67" s="1466"/>
      <c r="R67" s="1466"/>
      <c r="S67" s="1466"/>
      <c r="T67" s="1466"/>
      <c r="U67" s="1467"/>
      <c r="V67" s="1471"/>
      <c r="W67" s="1472"/>
      <c r="X67" s="1472"/>
      <c r="Y67" s="1473"/>
      <c r="Z67" s="1477"/>
      <c r="AA67" s="1478"/>
      <c r="AB67" s="1479"/>
      <c r="AC67" s="1580"/>
      <c r="AD67" s="1581"/>
      <c r="AE67" s="1581"/>
      <c r="AF67" s="1581"/>
      <c r="AG67" s="1581"/>
      <c r="AH67" s="1582"/>
      <c r="AI67" s="1471"/>
      <c r="AJ67" s="1472"/>
      <c r="AK67" s="1472"/>
      <c r="AL67" s="1473"/>
      <c r="AM67" s="26"/>
      <c r="AN67" s="23"/>
      <c r="AO67" s="22"/>
      <c r="AP67" s="37"/>
      <c r="AQ67" s="37"/>
      <c r="AR67" s="25"/>
      <c r="AS67" s="1202"/>
      <c r="AT67" s="1233"/>
      <c r="AU67" s="1233"/>
      <c r="AV67" s="1233"/>
      <c r="AW67" s="1233"/>
      <c r="AX67" s="1233"/>
      <c r="AY67" s="1233"/>
      <c r="AZ67" s="1233"/>
      <c r="BA67" s="1233"/>
      <c r="BB67" s="1233"/>
      <c r="BC67" s="1233"/>
      <c r="BD67" s="1233"/>
      <c r="BE67" s="1233"/>
      <c r="BF67" s="1233"/>
      <c r="BG67" s="1233"/>
      <c r="BH67" s="1233"/>
      <c r="BI67" s="1233"/>
      <c r="BJ67" s="1233"/>
      <c r="BK67" s="1233"/>
      <c r="BL67" s="1233"/>
      <c r="BM67" s="1233"/>
      <c r="BN67" s="1233"/>
      <c r="BO67" s="1233"/>
      <c r="BP67" s="1233"/>
      <c r="BQ67" s="1233"/>
      <c r="BR67" s="1233"/>
      <c r="BS67" s="1233"/>
      <c r="BT67" s="1233"/>
      <c r="BU67" s="1233"/>
      <c r="BV67" s="1233"/>
      <c r="BW67" s="1233"/>
      <c r="BX67" s="1233"/>
      <c r="BY67" s="1233"/>
      <c r="BZ67" s="1233"/>
      <c r="CA67" s="1402"/>
      <c r="CB67" s="26"/>
      <c r="CC67" s="23"/>
    </row>
    <row r="68" spans="1:81" ht="7.5" customHeight="1">
      <c r="A68" s="37"/>
      <c r="B68" s="37"/>
      <c r="C68" s="25"/>
      <c r="D68" s="1459" t="s">
        <v>45</v>
      </c>
      <c r="E68" s="1460"/>
      <c r="F68" s="1460"/>
      <c r="G68" s="1460"/>
      <c r="H68" s="1460"/>
      <c r="I68" s="1460"/>
      <c r="J68" s="1461"/>
      <c r="K68" s="1459" t="s">
        <v>67</v>
      </c>
      <c r="L68" s="1460"/>
      <c r="M68" s="1460"/>
      <c r="N68" s="1460"/>
      <c r="O68" s="1460"/>
      <c r="P68" s="1460"/>
      <c r="Q68" s="1460"/>
      <c r="R68" s="1460"/>
      <c r="S68" s="1460"/>
      <c r="T68" s="1460"/>
      <c r="U68" s="1461"/>
      <c r="V68" s="1468" t="s">
        <v>70</v>
      </c>
      <c r="W68" s="1469"/>
      <c r="X68" s="1469"/>
      <c r="Y68" s="1470"/>
      <c r="Z68" s="1474" t="s">
        <v>53</v>
      </c>
      <c r="AA68" s="1475"/>
      <c r="AB68" s="1476"/>
      <c r="AC68" s="1655" t="s">
        <v>616</v>
      </c>
      <c r="AD68" s="1656"/>
      <c r="AE68" s="1656"/>
      <c r="AF68" s="1656"/>
      <c r="AG68" s="1656"/>
      <c r="AH68" s="1657"/>
      <c r="AI68" s="1468" t="s">
        <v>100</v>
      </c>
      <c r="AJ68" s="1469"/>
      <c r="AK68" s="1469"/>
      <c r="AL68" s="1470"/>
      <c r="AM68" s="26"/>
      <c r="AN68" s="23"/>
      <c r="AO68" s="22"/>
      <c r="AP68" s="37"/>
      <c r="AQ68" s="37"/>
      <c r="AR68" s="25"/>
      <c r="AS68" s="1202" t="s">
        <v>113</v>
      </c>
      <c r="AT68" s="1233"/>
      <c r="AU68" s="1233"/>
      <c r="AV68" s="1233"/>
      <c r="AW68" s="1233"/>
      <c r="AX68" s="1233"/>
      <c r="AY68" s="1233"/>
      <c r="AZ68" s="1233"/>
      <c r="BA68" s="1233"/>
      <c r="BB68" s="1233"/>
      <c r="BC68" s="1233"/>
      <c r="BD68" s="1233"/>
      <c r="BE68" s="1233"/>
      <c r="BF68" s="1233"/>
      <c r="BG68" s="1233"/>
      <c r="BH68" s="1233"/>
      <c r="BI68" s="1233"/>
      <c r="BJ68" s="1233"/>
      <c r="BK68" s="1233"/>
      <c r="BL68" s="1233"/>
      <c r="BM68" s="1233"/>
      <c r="BN68" s="1233"/>
      <c r="BO68" s="1233"/>
      <c r="BP68" s="1233"/>
      <c r="BQ68" s="1233"/>
      <c r="BR68" s="1233"/>
      <c r="BS68" s="1233"/>
      <c r="BT68" s="1233"/>
      <c r="BU68" s="1233"/>
      <c r="BV68" s="1233"/>
      <c r="BW68" s="1233"/>
      <c r="BX68" s="1233"/>
      <c r="BY68" s="1233"/>
      <c r="BZ68" s="1233"/>
      <c r="CA68" s="1402"/>
      <c r="CB68" s="26"/>
      <c r="CC68" s="23"/>
    </row>
    <row r="69" spans="1:81" ht="7.5" customHeight="1">
      <c r="A69" s="37"/>
      <c r="B69" s="37"/>
      <c r="C69" s="25"/>
      <c r="D69" s="1462"/>
      <c r="E69" s="1463"/>
      <c r="F69" s="1463"/>
      <c r="G69" s="1463"/>
      <c r="H69" s="1463"/>
      <c r="I69" s="1463"/>
      <c r="J69" s="1464"/>
      <c r="K69" s="1462"/>
      <c r="L69" s="1463"/>
      <c r="M69" s="1463"/>
      <c r="N69" s="1463"/>
      <c r="O69" s="1463"/>
      <c r="P69" s="1463"/>
      <c r="Q69" s="1463"/>
      <c r="R69" s="1463"/>
      <c r="S69" s="1463"/>
      <c r="T69" s="1463"/>
      <c r="U69" s="1464"/>
      <c r="V69" s="1231"/>
      <c r="W69" s="1170"/>
      <c r="X69" s="1170"/>
      <c r="Y69" s="1171"/>
      <c r="Z69" s="1583"/>
      <c r="AA69" s="1584"/>
      <c r="AB69" s="1585"/>
      <c r="AC69" s="1658"/>
      <c r="AD69" s="1659"/>
      <c r="AE69" s="1659"/>
      <c r="AF69" s="1659"/>
      <c r="AG69" s="1659"/>
      <c r="AH69" s="1660"/>
      <c r="AI69" s="1231"/>
      <c r="AJ69" s="1170"/>
      <c r="AK69" s="1170"/>
      <c r="AL69" s="1171"/>
      <c r="AM69" s="26"/>
      <c r="AN69" s="23"/>
      <c r="AO69" s="22"/>
      <c r="AP69" s="37"/>
      <c r="AQ69" s="37"/>
      <c r="AR69" s="25"/>
      <c r="AS69" s="1202"/>
      <c r="AT69" s="1233"/>
      <c r="AU69" s="1233"/>
      <c r="AV69" s="1233"/>
      <c r="AW69" s="1233"/>
      <c r="AX69" s="1233"/>
      <c r="AY69" s="1233"/>
      <c r="AZ69" s="1233"/>
      <c r="BA69" s="1233"/>
      <c r="BB69" s="1233"/>
      <c r="BC69" s="1233"/>
      <c r="BD69" s="1233"/>
      <c r="BE69" s="1233"/>
      <c r="BF69" s="1233"/>
      <c r="BG69" s="1233"/>
      <c r="BH69" s="1233"/>
      <c r="BI69" s="1233"/>
      <c r="BJ69" s="1233"/>
      <c r="BK69" s="1233"/>
      <c r="BL69" s="1233"/>
      <c r="BM69" s="1233"/>
      <c r="BN69" s="1233"/>
      <c r="BO69" s="1233"/>
      <c r="BP69" s="1233"/>
      <c r="BQ69" s="1233"/>
      <c r="BR69" s="1233"/>
      <c r="BS69" s="1233"/>
      <c r="BT69" s="1233"/>
      <c r="BU69" s="1233"/>
      <c r="BV69" s="1233"/>
      <c r="BW69" s="1233"/>
      <c r="BX69" s="1233"/>
      <c r="BY69" s="1233"/>
      <c r="BZ69" s="1233"/>
      <c r="CA69" s="1402"/>
      <c r="CB69" s="26"/>
      <c r="CC69" s="23"/>
    </row>
    <row r="70" spans="1:81" ht="7.5" customHeight="1">
      <c r="A70" s="37"/>
      <c r="B70" s="37"/>
      <c r="C70" s="25"/>
      <c r="D70" s="1462"/>
      <c r="E70" s="1463"/>
      <c r="F70" s="1463"/>
      <c r="G70" s="1463"/>
      <c r="H70" s="1463"/>
      <c r="I70" s="1463"/>
      <c r="J70" s="1464"/>
      <c r="K70" s="1462" t="s">
        <v>68</v>
      </c>
      <c r="L70" s="1463"/>
      <c r="M70" s="1463"/>
      <c r="N70" s="1463"/>
      <c r="O70" s="1463"/>
      <c r="P70" s="1463"/>
      <c r="Q70" s="1463"/>
      <c r="R70" s="1463"/>
      <c r="S70" s="1463"/>
      <c r="T70" s="1463"/>
      <c r="U70" s="1464"/>
      <c r="V70" s="1231" t="s">
        <v>71</v>
      </c>
      <c r="W70" s="1170"/>
      <c r="X70" s="1170"/>
      <c r="Y70" s="1171"/>
      <c r="Z70" s="1583" t="s">
        <v>54</v>
      </c>
      <c r="AA70" s="1584"/>
      <c r="AB70" s="1585"/>
      <c r="AC70" s="1658"/>
      <c r="AD70" s="1659"/>
      <c r="AE70" s="1659"/>
      <c r="AF70" s="1659"/>
      <c r="AG70" s="1659"/>
      <c r="AH70" s="1660"/>
      <c r="AI70" s="1231"/>
      <c r="AJ70" s="1170"/>
      <c r="AK70" s="1170"/>
      <c r="AL70" s="1171"/>
      <c r="AM70" s="26"/>
      <c r="AN70" s="23"/>
      <c r="AO70" s="22"/>
      <c r="AP70" s="37"/>
      <c r="AQ70" s="37"/>
      <c r="AR70" s="25"/>
      <c r="AS70" s="1202" t="s">
        <v>114</v>
      </c>
      <c r="AT70" s="1233"/>
      <c r="AU70" s="1233"/>
      <c r="AV70" s="1233"/>
      <c r="AW70" s="1233"/>
      <c r="AX70" s="1233"/>
      <c r="AY70" s="1233"/>
      <c r="AZ70" s="1233"/>
      <c r="BA70" s="1233"/>
      <c r="BB70" s="1233"/>
      <c r="BC70" s="1233"/>
      <c r="BD70" s="1233"/>
      <c r="BE70" s="1233"/>
      <c r="BF70" s="1233"/>
      <c r="BG70" s="1233"/>
      <c r="BH70" s="1233"/>
      <c r="BI70" s="1233"/>
      <c r="BJ70" s="1233"/>
      <c r="BK70" s="1233"/>
      <c r="BL70" s="1233"/>
      <c r="BM70" s="1233"/>
      <c r="BN70" s="1233"/>
      <c r="BO70" s="1233"/>
      <c r="BP70" s="1233"/>
      <c r="BQ70" s="1233"/>
      <c r="BR70" s="1233"/>
      <c r="BS70" s="1233"/>
      <c r="BT70" s="1233"/>
      <c r="BU70" s="1233"/>
      <c r="BV70" s="1233"/>
      <c r="BW70" s="1233"/>
      <c r="BX70" s="1233"/>
      <c r="BY70" s="1233"/>
      <c r="BZ70" s="1233"/>
      <c r="CA70" s="1402"/>
      <c r="CB70" s="26"/>
      <c r="CC70" s="23"/>
    </row>
    <row r="71" spans="1:81" ht="7.5" customHeight="1">
      <c r="A71" s="37"/>
      <c r="B71" s="37"/>
      <c r="C71" s="25"/>
      <c r="D71" s="1462"/>
      <c r="E71" s="1463"/>
      <c r="F71" s="1463"/>
      <c r="G71" s="1463"/>
      <c r="H71" s="1463"/>
      <c r="I71" s="1463"/>
      <c r="J71" s="1464"/>
      <c r="K71" s="1462"/>
      <c r="L71" s="1463"/>
      <c r="M71" s="1463"/>
      <c r="N71" s="1463"/>
      <c r="O71" s="1463"/>
      <c r="P71" s="1463"/>
      <c r="Q71" s="1463"/>
      <c r="R71" s="1463"/>
      <c r="S71" s="1463"/>
      <c r="T71" s="1463"/>
      <c r="U71" s="1464"/>
      <c r="V71" s="1231"/>
      <c r="W71" s="1170"/>
      <c r="X71" s="1170"/>
      <c r="Y71" s="1171"/>
      <c r="Z71" s="1583"/>
      <c r="AA71" s="1584"/>
      <c r="AB71" s="1585"/>
      <c r="AC71" s="1658"/>
      <c r="AD71" s="1659"/>
      <c r="AE71" s="1659"/>
      <c r="AF71" s="1659"/>
      <c r="AG71" s="1659"/>
      <c r="AH71" s="1660"/>
      <c r="AI71" s="1231"/>
      <c r="AJ71" s="1170"/>
      <c r="AK71" s="1170"/>
      <c r="AL71" s="1171"/>
      <c r="AM71" s="26"/>
      <c r="AN71" s="23"/>
      <c r="AO71" s="22"/>
      <c r="AP71" s="37"/>
      <c r="AQ71" s="37"/>
      <c r="AR71" s="25"/>
      <c r="AS71" s="1202"/>
      <c r="AT71" s="1233"/>
      <c r="AU71" s="1233"/>
      <c r="AV71" s="1233"/>
      <c r="AW71" s="1233"/>
      <c r="AX71" s="1233"/>
      <c r="AY71" s="1233"/>
      <c r="AZ71" s="1233"/>
      <c r="BA71" s="1233"/>
      <c r="BB71" s="1233"/>
      <c r="BC71" s="1233"/>
      <c r="BD71" s="1233"/>
      <c r="BE71" s="1233"/>
      <c r="BF71" s="1233"/>
      <c r="BG71" s="1233"/>
      <c r="BH71" s="1233"/>
      <c r="BI71" s="1233"/>
      <c r="BJ71" s="1233"/>
      <c r="BK71" s="1233"/>
      <c r="BL71" s="1233"/>
      <c r="BM71" s="1233"/>
      <c r="BN71" s="1233"/>
      <c r="BO71" s="1233"/>
      <c r="BP71" s="1233"/>
      <c r="BQ71" s="1233"/>
      <c r="BR71" s="1233"/>
      <c r="BS71" s="1233"/>
      <c r="BT71" s="1233"/>
      <c r="BU71" s="1233"/>
      <c r="BV71" s="1233"/>
      <c r="BW71" s="1233"/>
      <c r="BX71" s="1233"/>
      <c r="BY71" s="1233"/>
      <c r="BZ71" s="1233"/>
      <c r="CA71" s="1402"/>
      <c r="CB71" s="26"/>
      <c r="CC71" s="23"/>
    </row>
    <row r="72" spans="1:81" ht="7.5" customHeight="1">
      <c r="A72" s="37"/>
      <c r="B72" s="37"/>
      <c r="C72" s="25"/>
      <c r="D72" s="1462"/>
      <c r="E72" s="1463"/>
      <c r="F72" s="1463"/>
      <c r="G72" s="1463"/>
      <c r="H72" s="1463"/>
      <c r="I72" s="1463"/>
      <c r="J72" s="1464"/>
      <c r="K72" s="1462" t="s">
        <v>69</v>
      </c>
      <c r="L72" s="1463"/>
      <c r="M72" s="1463"/>
      <c r="N72" s="1463"/>
      <c r="O72" s="1463"/>
      <c r="P72" s="1463"/>
      <c r="Q72" s="1463"/>
      <c r="R72" s="1463"/>
      <c r="S72" s="1463"/>
      <c r="T72" s="1463"/>
      <c r="U72" s="1464"/>
      <c r="V72" s="1231" t="s">
        <v>72</v>
      </c>
      <c r="W72" s="1170"/>
      <c r="X72" s="1170"/>
      <c r="Y72" s="1171"/>
      <c r="Z72" s="1583" t="s">
        <v>55</v>
      </c>
      <c r="AA72" s="1584"/>
      <c r="AB72" s="1585"/>
      <c r="AC72" s="1658"/>
      <c r="AD72" s="1659"/>
      <c r="AE72" s="1659"/>
      <c r="AF72" s="1659"/>
      <c r="AG72" s="1659"/>
      <c r="AH72" s="1660"/>
      <c r="AI72" s="1231"/>
      <c r="AJ72" s="1170"/>
      <c r="AK72" s="1170"/>
      <c r="AL72" s="1171"/>
      <c r="AM72" s="26"/>
      <c r="AN72" s="23"/>
      <c r="AO72" s="22"/>
      <c r="AP72" s="37"/>
      <c r="AQ72" s="37"/>
      <c r="AR72" s="25"/>
      <c r="AS72" s="1202" t="s">
        <v>583</v>
      </c>
      <c r="AT72" s="1233"/>
      <c r="AU72" s="1233"/>
      <c r="AV72" s="1233"/>
      <c r="AW72" s="1233"/>
      <c r="AX72" s="1233"/>
      <c r="AY72" s="1233"/>
      <c r="AZ72" s="1233"/>
      <c r="BA72" s="1233"/>
      <c r="BB72" s="1233"/>
      <c r="BC72" s="1233"/>
      <c r="BD72" s="1233"/>
      <c r="BE72" s="1233"/>
      <c r="BF72" s="1233"/>
      <c r="BG72" s="1233"/>
      <c r="BH72" s="1233"/>
      <c r="BI72" s="1233"/>
      <c r="BJ72" s="1233"/>
      <c r="BK72" s="1233"/>
      <c r="BL72" s="1233"/>
      <c r="BM72" s="1233"/>
      <c r="BN72" s="1233"/>
      <c r="BO72" s="1233"/>
      <c r="BP72" s="1233"/>
      <c r="BQ72" s="1233"/>
      <c r="BR72" s="1233"/>
      <c r="BS72" s="1233"/>
      <c r="BT72" s="1233"/>
      <c r="BU72" s="1233"/>
      <c r="BV72" s="1233"/>
      <c r="BW72" s="1233"/>
      <c r="BX72" s="1233"/>
      <c r="BY72" s="1233"/>
      <c r="BZ72" s="1233"/>
      <c r="CA72" s="1402"/>
      <c r="CB72" s="26"/>
      <c r="CC72" s="23"/>
    </row>
    <row r="73" spans="1:81" ht="7.5" customHeight="1">
      <c r="A73" s="37"/>
      <c r="B73" s="37"/>
      <c r="C73" s="25"/>
      <c r="D73" s="1465"/>
      <c r="E73" s="1466"/>
      <c r="F73" s="1466"/>
      <c r="G73" s="1466"/>
      <c r="H73" s="1466"/>
      <c r="I73" s="1466"/>
      <c r="J73" s="1467"/>
      <c r="K73" s="1465"/>
      <c r="L73" s="1466"/>
      <c r="M73" s="1466"/>
      <c r="N73" s="1466"/>
      <c r="O73" s="1466"/>
      <c r="P73" s="1466"/>
      <c r="Q73" s="1466"/>
      <c r="R73" s="1466"/>
      <c r="S73" s="1466"/>
      <c r="T73" s="1466"/>
      <c r="U73" s="1467"/>
      <c r="V73" s="1471"/>
      <c r="W73" s="1472"/>
      <c r="X73" s="1472"/>
      <c r="Y73" s="1473"/>
      <c r="Z73" s="1477"/>
      <c r="AA73" s="1478"/>
      <c r="AB73" s="1479"/>
      <c r="AC73" s="1661"/>
      <c r="AD73" s="1662"/>
      <c r="AE73" s="1662"/>
      <c r="AF73" s="1662"/>
      <c r="AG73" s="1662"/>
      <c r="AH73" s="1663"/>
      <c r="AI73" s="1471"/>
      <c r="AJ73" s="1472"/>
      <c r="AK73" s="1472"/>
      <c r="AL73" s="1473"/>
      <c r="AM73" s="26"/>
      <c r="AN73" s="23"/>
      <c r="AO73" s="22"/>
      <c r="AP73" s="37"/>
      <c r="AQ73" s="37"/>
      <c r="AR73" s="25"/>
      <c r="AS73" s="1202"/>
      <c r="AT73" s="1233"/>
      <c r="AU73" s="1233"/>
      <c r="AV73" s="1233"/>
      <c r="AW73" s="1233"/>
      <c r="AX73" s="1233"/>
      <c r="AY73" s="1233"/>
      <c r="AZ73" s="1233"/>
      <c r="BA73" s="1233"/>
      <c r="BB73" s="1233"/>
      <c r="BC73" s="1233"/>
      <c r="BD73" s="1233"/>
      <c r="BE73" s="1233"/>
      <c r="BF73" s="1233"/>
      <c r="BG73" s="1233"/>
      <c r="BH73" s="1233"/>
      <c r="BI73" s="1233"/>
      <c r="BJ73" s="1233"/>
      <c r="BK73" s="1233"/>
      <c r="BL73" s="1233"/>
      <c r="BM73" s="1233"/>
      <c r="BN73" s="1233"/>
      <c r="BO73" s="1233"/>
      <c r="BP73" s="1233"/>
      <c r="BQ73" s="1233"/>
      <c r="BR73" s="1233"/>
      <c r="BS73" s="1233"/>
      <c r="BT73" s="1233"/>
      <c r="BU73" s="1233"/>
      <c r="BV73" s="1233"/>
      <c r="BW73" s="1233"/>
      <c r="BX73" s="1233"/>
      <c r="BY73" s="1233"/>
      <c r="BZ73" s="1233"/>
      <c r="CA73" s="1402"/>
      <c r="CB73" s="26"/>
      <c r="CC73" s="23"/>
    </row>
    <row r="74" spans="1:81" ht="7.5" customHeight="1">
      <c r="A74" s="37"/>
      <c r="B74" s="37"/>
      <c r="C74" s="25"/>
      <c r="D74" s="1459" t="s">
        <v>35</v>
      </c>
      <c r="E74" s="1460"/>
      <c r="F74" s="1460"/>
      <c r="G74" s="1460"/>
      <c r="H74" s="1460"/>
      <c r="I74" s="1460"/>
      <c r="J74" s="1461"/>
      <c r="K74" s="1459" t="s">
        <v>73</v>
      </c>
      <c r="L74" s="1460"/>
      <c r="M74" s="1460"/>
      <c r="N74" s="1460"/>
      <c r="O74" s="1460"/>
      <c r="P74" s="1460"/>
      <c r="Q74" s="1460"/>
      <c r="R74" s="1460"/>
      <c r="S74" s="1460"/>
      <c r="T74" s="1460"/>
      <c r="U74" s="1461"/>
      <c r="V74" s="1468" t="s">
        <v>75</v>
      </c>
      <c r="W74" s="1469"/>
      <c r="X74" s="1469"/>
      <c r="Y74" s="1470"/>
      <c r="Z74" s="1474" t="s">
        <v>56</v>
      </c>
      <c r="AA74" s="1475"/>
      <c r="AB74" s="1476"/>
      <c r="AC74" s="1574" t="s">
        <v>616</v>
      </c>
      <c r="AD74" s="1575"/>
      <c r="AE74" s="1575"/>
      <c r="AF74" s="1575"/>
      <c r="AG74" s="1575"/>
      <c r="AH74" s="1576"/>
      <c r="AI74" s="1468" t="s">
        <v>100</v>
      </c>
      <c r="AJ74" s="1469"/>
      <c r="AK74" s="1469"/>
      <c r="AL74" s="1470"/>
      <c r="AM74" s="26"/>
      <c r="AN74" s="23"/>
      <c r="AO74" s="22"/>
      <c r="AP74" s="37"/>
      <c r="AQ74" s="37"/>
      <c r="AR74" s="25"/>
      <c r="AS74" s="1202" t="s">
        <v>584</v>
      </c>
      <c r="AT74" s="1233"/>
      <c r="AU74" s="1233"/>
      <c r="AV74" s="1233"/>
      <c r="AW74" s="1233"/>
      <c r="AX74" s="1233"/>
      <c r="AY74" s="1233"/>
      <c r="AZ74" s="1233"/>
      <c r="BA74" s="1233"/>
      <c r="BB74" s="1233"/>
      <c r="BC74" s="1233"/>
      <c r="BD74" s="1233"/>
      <c r="BE74" s="1233"/>
      <c r="BF74" s="1233"/>
      <c r="BG74" s="1233"/>
      <c r="BH74" s="1233"/>
      <c r="BI74" s="1233"/>
      <c r="BJ74" s="1233"/>
      <c r="BK74" s="1233"/>
      <c r="BL74" s="1233"/>
      <c r="BM74" s="1233"/>
      <c r="BN74" s="1233"/>
      <c r="BO74" s="1233"/>
      <c r="BP74" s="1233"/>
      <c r="BQ74" s="1233"/>
      <c r="BR74" s="1233"/>
      <c r="BS74" s="1233"/>
      <c r="BT74" s="1233"/>
      <c r="BU74" s="1233"/>
      <c r="BV74" s="1233"/>
      <c r="BW74" s="1233"/>
      <c r="BX74" s="1233"/>
      <c r="BY74" s="1233"/>
      <c r="BZ74" s="1233"/>
      <c r="CA74" s="1402"/>
      <c r="CB74" s="26"/>
      <c r="CC74" s="23"/>
    </row>
    <row r="75" spans="1:81" ht="7.5" customHeight="1">
      <c r="A75" s="37"/>
      <c r="B75" s="37"/>
      <c r="C75" s="25"/>
      <c r="D75" s="1462"/>
      <c r="E75" s="1463"/>
      <c r="F75" s="1463"/>
      <c r="G75" s="1463"/>
      <c r="H75" s="1463"/>
      <c r="I75" s="1463"/>
      <c r="J75" s="1464"/>
      <c r="K75" s="1462"/>
      <c r="L75" s="1463"/>
      <c r="M75" s="1463"/>
      <c r="N75" s="1463"/>
      <c r="O75" s="1463"/>
      <c r="P75" s="1463"/>
      <c r="Q75" s="1463"/>
      <c r="R75" s="1463"/>
      <c r="S75" s="1463"/>
      <c r="T75" s="1463"/>
      <c r="U75" s="1464"/>
      <c r="V75" s="1231"/>
      <c r="W75" s="1170"/>
      <c r="X75" s="1170"/>
      <c r="Y75" s="1171"/>
      <c r="Z75" s="1583"/>
      <c r="AA75" s="1584"/>
      <c r="AB75" s="1585"/>
      <c r="AC75" s="1577"/>
      <c r="AD75" s="1578"/>
      <c r="AE75" s="1578"/>
      <c r="AF75" s="1578"/>
      <c r="AG75" s="1578"/>
      <c r="AH75" s="1579"/>
      <c r="AI75" s="1231"/>
      <c r="AJ75" s="1170"/>
      <c r="AK75" s="1170"/>
      <c r="AL75" s="1171"/>
      <c r="AM75" s="26"/>
      <c r="AN75" s="23"/>
      <c r="AO75" s="22"/>
      <c r="AP75" s="37"/>
      <c r="AQ75" s="37"/>
      <c r="AR75" s="25"/>
      <c r="AS75" s="1449"/>
      <c r="AT75" s="1450"/>
      <c r="AU75" s="1450"/>
      <c r="AV75" s="1450"/>
      <c r="AW75" s="1450"/>
      <c r="AX75" s="1450"/>
      <c r="AY75" s="1450"/>
      <c r="AZ75" s="1450"/>
      <c r="BA75" s="1450"/>
      <c r="BB75" s="1450"/>
      <c r="BC75" s="1450"/>
      <c r="BD75" s="1450"/>
      <c r="BE75" s="1450"/>
      <c r="BF75" s="1450"/>
      <c r="BG75" s="1450"/>
      <c r="BH75" s="1450"/>
      <c r="BI75" s="1450"/>
      <c r="BJ75" s="1450"/>
      <c r="BK75" s="1450"/>
      <c r="BL75" s="1450"/>
      <c r="BM75" s="1450"/>
      <c r="BN75" s="1450"/>
      <c r="BO75" s="1450"/>
      <c r="BP75" s="1450"/>
      <c r="BQ75" s="1450"/>
      <c r="BR75" s="1450"/>
      <c r="BS75" s="1450"/>
      <c r="BT75" s="1450"/>
      <c r="BU75" s="1450"/>
      <c r="BV75" s="1450"/>
      <c r="BW75" s="1450"/>
      <c r="BX75" s="1450"/>
      <c r="BY75" s="1450"/>
      <c r="BZ75" s="1450"/>
      <c r="CA75" s="1451"/>
      <c r="CB75" s="26"/>
      <c r="CC75" s="23"/>
    </row>
    <row r="76" spans="1:81" ht="7.5" customHeight="1">
      <c r="A76" s="37"/>
      <c r="B76" s="37"/>
      <c r="C76" s="25"/>
      <c r="D76" s="1465"/>
      <c r="E76" s="1466"/>
      <c r="F76" s="1466"/>
      <c r="G76" s="1466"/>
      <c r="H76" s="1466"/>
      <c r="I76" s="1466"/>
      <c r="J76" s="1467"/>
      <c r="K76" s="1465"/>
      <c r="L76" s="1466"/>
      <c r="M76" s="1466"/>
      <c r="N76" s="1466"/>
      <c r="O76" s="1466"/>
      <c r="P76" s="1466"/>
      <c r="Q76" s="1466"/>
      <c r="R76" s="1466"/>
      <c r="S76" s="1466"/>
      <c r="T76" s="1466"/>
      <c r="U76" s="1467"/>
      <c r="V76" s="1471"/>
      <c r="W76" s="1472"/>
      <c r="X76" s="1472"/>
      <c r="Y76" s="1473"/>
      <c r="Z76" s="1477"/>
      <c r="AA76" s="1478"/>
      <c r="AB76" s="1479"/>
      <c r="AC76" s="1580"/>
      <c r="AD76" s="1581"/>
      <c r="AE76" s="1581"/>
      <c r="AF76" s="1581"/>
      <c r="AG76" s="1581"/>
      <c r="AH76" s="1582"/>
      <c r="AI76" s="1471"/>
      <c r="AJ76" s="1472"/>
      <c r="AK76" s="1472"/>
      <c r="AL76" s="1473"/>
      <c r="AM76" s="26"/>
      <c r="AN76" s="23"/>
      <c r="AO76" s="22"/>
      <c r="AP76" s="37"/>
      <c r="AQ76" s="37"/>
      <c r="AR76" s="27"/>
      <c r="AS76" s="28"/>
      <c r="AT76" s="28"/>
      <c r="AU76" s="28"/>
      <c r="AV76" s="28"/>
      <c r="AW76" s="28"/>
      <c r="AX76" s="28"/>
      <c r="AY76" s="28"/>
      <c r="AZ76" s="28"/>
      <c r="BA76" s="28"/>
      <c r="BB76" s="28"/>
      <c r="BC76" s="28"/>
      <c r="BD76" s="28"/>
      <c r="BE76" s="28"/>
      <c r="BF76" s="28"/>
      <c r="BG76" s="28"/>
      <c r="BH76" s="28"/>
      <c r="BI76" s="28"/>
      <c r="BJ76" s="28"/>
      <c r="BK76" s="28"/>
      <c r="BL76" s="28"/>
      <c r="BM76" s="28"/>
      <c r="BN76" s="28"/>
      <c r="BO76" s="28"/>
      <c r="BP76" s="28"/>
      <c r="BQ76" s="28"/>
      <c r="BR76" s="28"/>
      <c r="BS76" s="28"/>
      <c r="BT76" s="28"/>
      <c r="BU76" s="28"/>
      <c r="BV76" s="28"/>
      <c r="BW76" s="28"/>
      <c r="BX76" s="28"/>
      <c r="BY76" s="28"/>
      <c r="BZ76" s="28"/>
      <c r="CA76" s="28"/>
      <c r="CB76" s="28"/>
      <c r="CC76" s="29"/>
    </row>
    <row r="77" spans="1:81" ht="7.5" customHeight="1">
      <c r="A77" s="37"/>
      <c r="B77" s="37"/>
      <c r="C77" s="25"/>
      <c r="D77" s="1459" t="s">
        <v>38</v>
      </c>
      <c r="E77" s="1460"/>
      <c r="F77" s="1460"/>
      <c r="G77" s="1460"/>
      <c r="H77" s="1460"/>
      <c r="I77" s="1460"/>
      <c r="J77" s="1461"/>
      <c r="K77" s="1586" t="s">
        <v>76</v>
      </c>
      <c r="L77" s="1587"/>
      <c r="M77" s="1587"/>
      <c r="N77" s="1587"/>
      <c r="O77" s="1587"/>
      <c r="P77" s="1587"/>
      <c r="Q77" s="1587"/>
      <c r="R77" s="1587"/>
      <c r="S77" s="1587"/>
      <c r="T77" s="1587"/>
      <c r="U77" s="1588"/>
      <c r="V77" s="1468" t="s">
        <v>285</v>
      </c>
      <c r="W77" s="1469"/>
      <c r="X77" s="1469"/>
      <c r="Y77" s="1469"/>
      <c r="Z77" s="1469"/>
      <c r="AA77" s="1469"/>
      <c r="AB77" s="1469"/>
      <c r="AC77" s="1469"/>
      <c r="AD77" s="1469"/>
      <c r="AE77" s="1469"/>
      <c r="AF77" s="1469"/>
      <c r="AG77" s="1469"/>
      <c r="AH77" s="1469"/>
      <c r="AI77" s="1469"/>
      <c r="AJ77" s="1469"/>
      <c r="AK77" s="1469"/>
      <c r="AL77" s="1470"/>
      <c r="AM77" s="26"/>
      <c r="AN77" s="23"/>
      <c r="AO77" s="22"/>
      <c r="AP77" s="37"/>
      <c r="AQ77" s="37"/>
      <c r="AR77" s="22"/>
      <c r="AS77" s="22"/>
      <c r="AT77" s="22"/>
      <c r="AU77" s="22"/>
      <c r="AV77" s="22"/>
      <c r="AW77" s="22"/>
      <c r="AX77" s="22"/>
      <c r="AY77" s="22"/>
      <c r="AZ77" s="22"/>
      <c r="BA77" s="22"/>
      <c r="BB77" s="22"/>
      <c r="BC77" s="22"/>
      <c r="BD77" s="22"/>
      <c r="BE77" s="22"/>
      <c r="BF77" s="22"/>
      <c r="BG77" s="22"/>
      <c r="BH77" s="22"/>
      <c r="BI77" s="22"/>
      <c r="BJ77" s="22"/>
      <c r="BK77" s="22"/>
      <c r="BL77" s="22"/>
      <c r="BM77" s="22"/>
      <c r="BN77" s="22"/>
      <c r="BO77" s="22"/>
      <c r="BP77" s="22"/>
      <c r="BQ77" s="22"/>
      <c r="BR77" s="22"/>
      <c r="BS77" s="22"/>
      <c r="BT77" s="22"/>
      <c r="BU77" s="22"/>
      <c r="BV77" s="22"/>
      <c r="BW77" s="22"/>
      <c r="BX77" s="22"/>
      <c r="BY77" s="22"/>
      <c r="BZ77" s="22"/>
      <c r="CA77" s="22"/>
      <c r="CB77" s="22"/>
      <c r="CC77" s="22"/>
    </row>
    <row r="78" spans="1:81" ht="7.5" customHeight="1">
      <c r="A78" s="37"/>
      <c r="B78" s="37"/>
      <c r="C78" s="25"/>
      <c r="D78" s="1465"/>
      <c r="E78" s="1466"/>
      <c r="F78" s="1466"/>
      <c r="G78" s="1466"/>
      <c r="H78" s="1466"/>
      <c r="I78" s="1466"/>
      <c r="J78" s="1467"/>
      <c r="K78" s="1589"/>
      <c r="L78" s="1590"/>
      <c r="M78" s="1590"/>
      <c r="N78" s="1590"/>
      <c r="O78" s="1590"/>
      <c r="P78" s="1590"/>
      <c r="Q78" s="1590"/>
      <c r="R78" s="1590"/>
      <c r="S78" s="1590"/>
      <c r="T78" s="1590"/>
      <c r="U78" s="1591"/>
      <c r="V78" s="1471"/>
      <c r="W78" s="1472"/>
      <c r="X78" s="1472"/>
      <c r="Y78" s="1472"/>
      <c r="Z78" s="1472"/>
      <c r="AA78" s="1472"/>
      <c r="AB78" s="1472"/>
      <c r="AC78" s="1472"/>
      <c r="AD78" s="1472"/>
      <c r="AE78" s="1472"/>
      <c r="AF78" s="1472"/>
      <c r="AG78" s="1472"/>
      <c r="AH78" s="1472"/>
      <c r="AI78" s="1472"/>
      <c r="AJ78" s="1472"/>
      <c r="AK78" s="1472"/>
      <c r="AL78" s="1473"/>
      <c r="AM78" s="26"/>
      <c r="AN78" s="23"/>
      <c r="AO78" s="22"/>
      <c r="AP78" s="863" t="s">
        <v>93</v>
      </c>
      <c r="AQ78" s="1236"/>
      <c r="AR78" s="1431" t="s">
        <v>751</v>
      </c>
      <c r="AS78" s="1432"/>
      <c r="AT78" s="1432"/>
      <c r="AU78" s="1432"/>
      <c r="AV78" s="1432"/>
      <c r="AW78" s="1432"/>
      <c r="AX78" s="1432"/>
      <c r="AY78" s="1432"/>
      <c r="AZ78" s="1432"/>
      <c r="BA78" s="1432"/>
      <c r="BB78" s="1432"/>
      <c r="BC78" s="1432"/>
      <c r="BD78" s="1432"/>
      <c r="BE78" s="1432"/>
      <c r="BF78" s="1432"/>
      <c r="BG78" s="1432"/>
      <c r="BH78" s="1432"/>
      <c r="BI78" s="1432"/>
      <c r="BJ78" s="1432"/>
      <c r="BK78" s="1432"/>
      <c r="BL78" s="1432"/>
      <c r="BM78" s="1432"/>
      <c r="BN78" s="1432"/>
      <c r="BO78" s="1432"/>
      <c r="BP78" s="1432"/>
      <c r="BQ78" s="1432"/>
      <c r="BR78" s="1432"/>
      <c r="BS78" s="1432"/>
      <c r="BT78" s="1432"/>
      <c r="BU78" s="1432"/>
      <c r="BV78" s="1432"/>
      <c r="BW78" s="1432"/>
      <c r="BX78" s="1432"/>
      <c r="BY78" s="1432"/>
      <c r="BZ78" s="1432"/>
      <c r="CA78" s="1432"/>
      <c r="CB78" s="1432"/>
      <c r="CC78" s="1433"/>
    </row>
    <row r="79" spans="1:81" ht="7.5" customHeight="1">
      <c r="A79" s="37"/>
      <c r="B79" s="37"/>
      <c r="C79" s="25"/>
      <c r="D79" s="31"/>
      <c r="E79" s="31"/>
      <c r="F79" s="31"/>
      <c r="G79" s="31"/>
      <c r="H79" s="31"/>
      <c r="I79" s="31"/>
      <c r="J79" s="31"/>
      <c r="K79" s="31"/>
      <c r="L79" s="31"/>
      <c r="M79" s="31"/>
      <c r="N79" s="31"/>
      <c r="O79" s="31"/>
      <c r="P79" s="31"/>
      <c r="Q79" s="31"/>
      <c r="R79" s="31"/>
      <c r="S79" s="31"/>
      <c r="T79" s="31"/>
      <c r="U79" s="31"/>
      <c r="V79" s="30"/>
      <c r="W79" s="30"/>
      <c r="X79" s="30"/>
      <c r="Y79" s="30"/>
      <c r="Z79" s="30"/>
      <c r="AA79" s="30"/>
      <c r="AB79" s="30"/>
      <c r="AC79" s="30"/>
      <c r="AD79" s="30"/>
      <c r="AE79" s="30"/>
      <c r="AF79" s="30"/>
      <c r="AG79" s="30"/>
      <c r="AH79" s="30"/>
      <c r="AI79" s="30"/>
      <c r="AJ79" s="30"/>
      <c r="AK79" s="30"/>
      <c r="AL79" s="30"/>
      <c r="AM79" s="26"/>
      <c r="AN79" s="23"/>
      <c r="AO79" s="22"/>
      <c r="AP79" s="863"/>
      <c r="AQ79" s="1236"/>
      <c r="AR79" s="1434"/>
      <c r="AS79" s="1435"/>
      <c r="AT79" s="1435"/>
      <c r="AU79" s="1435"/>
      <c r="AV79" s="1435"/>
      <c r="AW79" s="1435"/>
      <c r="AX79" s="1435"/>
      <c r="AY79" s="1435"/>
      <c r="AZ79" s="1435"/>
      <c r="BA79" s="1435"/>
      <c r="BB79" s="1435"/>
      <c r="BC79" s="1435"/>
      <c r="BD79" s="1435"/>
      <c r="BE79" s="1435"/>
      <c r="BF79" s="1435"/>
      <c r="BG79" s="1435"/>
      <c r="BH79" s="1435"/>
      <c r="BI79" s="1435"/>
      <c r="BJ79" s="1435"/>
      <c r="BK79" s="1435"/>
      <c r="BL79" s="1435"/>
      <c r="BM79" s="1435"/>
      <c r="BN79" s="1435"/>
      <c r="BO79" s="1435"/>
      <c r="BP79" s="1435"/>
      <c r="BQ79" s="1435"/>
      <c r="BR79" s="1435"/>
      <c r="BS79" s="1435"/>
      <c r="BT79" s="1435"/>
      <c r="BU79" s="1435"/>
      <c r="BV79" s="1435"/>
      <c r="BW79" s="1435"/>
      <c r="BX79" s="1435"/>
      <c r="BY79" s="1435"/>
      <c r="BZ79" s="1435"/>
      <c r="CA79" s="1435"/>
      <c r="CB79" s="1435"/>
      <c r="CC79" s="1436"/>
    </row>
    <row r="80" spans="1:81" ht="7.5" customHeight="1">
      <c r="A80" s="37"/>
      <c r="B80" s="37"/>
      <c r="C80" s="25"/>
      <c r="D80" s="1233" t="s">
        <v>9</v>
      </c>
      <c r="E80" s="1233"/>
      <c r="F80" s="1233"/>
      <c r="G80" s="1233"/>
      <c r="H80" s="1233"/>
      <c r="I80" s="1233"/>
      <c r="J80" s="1233"/>
      <c r="K80" s="1233"/>
      <c r="L80" s="1233"/>
      <c r="M80" s="1233"/>
      <c r="N80" s="1233"/>
      <c r="O80" s="1233"/>
      <c r="P80" s="1233"/>
      <c r="Q80" s="1233"/>
      <c r="R80" s="1233"/>
      <c r="S80" s="1233"/>
      <c r="T80" s="1233"/>
      <c r="U80" s="1233"/>
      <c r="V80" s="1233"/>
      <c r="W80" s="1233"/>
      <c r="X80" s="1233"/>
      <c r="Y80" s="1233"/>
      <c r="Z80" s="1233"/>
      <c r="AA80" s="1233"/>
      <c r="AB80" s="1233"/>
      <c r="AC80" s="1233"/>
      <c r="AD80" s="1233"/>
      <c r="AE80" s="1233"/>
      <c r="AF80" s="1233"/>
      <c r="AG80" s="1233"/>
      <c r="AH80" s="1233"/>
      <c r="AI80" s="1233"/>
      <c r="AJ80" s="1233"/>
      <c r="AK80" s="1233"/>
      <c r="AL80" s="1233"/>
      <c r="AM80" s="26"/>
      <c r="AN80" s="23"/>
      <c r="AO80" s="22"/>
      <c r="AP80" s="37"/>
      <c r="AQ80" s="37"/>
      <c r="AR80" s="1202" t="s">
        <v>175</v>
      </c>
      <c r="AS80" s="1233"/>
      <c r="AT80" s="1233"/>
      <c r="AU80" s="1233"/>
      <c r="AV80" s="1233"/>
      <c r="AW80" s="1233"/>
      <c r="AX80" s="1233"/>
      <c r="AY80" s="1233"/>
      <c r="AZ80" s="1233"/>
      <c r="BA80" s="1233"/>
      <c r="BB80" s="1233"/>
      <c r="BC80" s="1233"/>
      <c r="BD80" s="1233"/>
      <c r="BE80" s="1233"/>
      <c r="BF80" s="1233"/>
      <c r="BG80" s="1233"/>
      <c r="BH80" s="1233"/>
      <c r="BI80" s="1233"/>
      <c r="BJ80" s="1233"/>
      <c r="BK80" s="1233"/>
      <c r="BL80" s="1233"/>
      <c r="BM80" s="1233"/>
      <c r="BN80" s="1233"/>
      <c r="BO80" s="1233"/>
      <c r="BP80" s="1233"/>
      <c r="BQ80" s="1233"/>
      <c r="BR80" s="1233"/>
      <c r="BS80" s="1233"/>
      <c r="BT80" s="1233"/>
      <c r="BU80" s="1233"/>
      <c r="BV80" s="1233"/>
      <c r="BW80" s="1233"/>
      <c r="BX80" s="1233"/>
      <c r="BY80" s="1233"/>
      <c r="BZ80" s="1233"/>
      <c r="CA80" s="1233"/>
      <c r="CB80" s="1233"/>
      <c r="CC80" s="1402"/>
    </row>
    <row r="81" spans="1:81" ht="7.5" customHeight="1">
      <c r="A81" s="37"/>
      <c r="B81" s="37"/>
      <c r="C81" s="25"/>
      <c r="D81" s="1233"/>
      <c r="E81" s="1233"/>
      <c r="F81" s="1233"/>
      <c r="G81" s="1233"/>
      <c r="H81" s="1233"/>
      <c r="I81" s="1233"/>
      <c r="J81" s="1233"/>
      <c r="K81" s="1233"/>
      <c r="L81" s="1233"/>
      <c r="M81" s="1233"/>
      <c r="N81" s="1233"/>
      <c r="O81" s="1233"/>
      <c r="P81" s="1233"/>
      <c r="Q81" s="1233"/>
      <c r="R81" s="1233"/>
      <c r="S81" s="1233"/>
      <c r="T81" s="1233"/>
      <c r="U81" s="1233"/>
      <c r="V81" s="1233"/>
      <c r="W81" s="1233"/>
      <c r="X81" s="1233"/>
      <c r="Y81" s="1233"/>
      <c r="Z81" s="1233"/>
      <c r="AA81" s="1233"/>
      <c r="AB81" s="1233"/>
      <c r="AC81" s="1233"/>
      <c r="AD81" s="1233"/>
      <c r="AE81" s="1233"/>
      <c r="AF81" s="1233"/>
      <c r="AG81" s="1233"/>
      <c r="AH81" s="1233"/>
      <c r="AI81" s="1233"/>
      <c r="AJ81" s="1233"/>
      <c r="AK81" s="1233"/>
      <c r="AL81" s="1233"/>
      <c r="AM81" s="26"/>
      <c r="AN81" s="23"/>
      <c r="AO81" s="22"/>
      <c r="AP81" s="37"/>
      <c r="AQ81" s="37"/>
      <c r="AR81" s="1202"/>
      <c r="AS81" s="1233"/>
      <c r="AT81" s="1233"/>
      <c r="AU81" s="1233"/>
      <c r="AV81" s="1233"/>
      <c r="AW81" s="1233"/>
      <c r="AX81" s="1233"/>
      <c r="AY81" s="1233"/>
      <c r="AZ81" s="1233"/>
      <c r="BA81" s="1233"/>
      <c r="BB81" s="1233"/>
      <c r="BC81" s="1233"/>
      <c r="BD81" s="1233"/>
      <c r="BE81" s="1233"/>
      <c r="BF81" s="1233"/>
      <c r="BG81" s="1233"/>
      <c r="BH81" s="1233"/>
      <c r="BI81" s="1233"/>
      <c r="BJ81" s="1233"/>
      <c r="BK81" s="1233"/>
      <c r="BL81" s="1233"/>
      <c r="BM81" s="1233"/>
      <c r="BN81" s="1233"/>
      <c r="BO81" s="1233"/>
      <c r="BP81" s="1233"/>
      <c r="BQ81" s="1233"/>
      <c r="BR81" s="1233"/>
      <c r="BS81" s="1233"/>
      <c r="BT81" s="1233"/>
      <c r="BU81" s="1233"/>
      <c r="BV81" s="1233"/>
      <c r="BW81" s="1233"/>
      <c r="BX81" s="1233"/>
      <c r="BY81" s="1233"/>
      <c r="BZ81" s="1233"/>
      <c r="CA81" s="1233"/>
      <c r="CB81" s="1233"/>
      <c r="CC81" s="1402"/>
    </row>
    <row r="82" spans="1:81" ht="7.5" customHeight="1">
      <c r="A82" s="37"/>
      <c r="B82" s="37"/>
      <c r="C82" s="25"/>
      <c r="D82" s="1468" t="s">
        <v>63</v>
      </c>
      <c r="E82" s="1469"/>
      <c r="F82" s="1469"/>
      <c r="G82" s="1470"/>
      <c r="H82" s="1468" t="s">
        <v>33</v>
      </c>
      <c r="I82" s="1469"/>
      <c r="J82" s="1469"/>
      <c r="K82" s="1470"/>
      <c r="L82" s="1468" t="s">
        <v>64</v>
      </c>
      <c r="M82" s="1469"/>
      <c r="N82" s="1469"/>
      <c r="O82" s="1470"/>
      <c r="P82" s="1468" t="s">
        <v>66</v>
      </c>
      <c r="Q82" s="1469"/>
      <c r="R82" s="1469"/>
      <c r="S82" s="1470"/>
      <c r="T82" s="1468" t="s">
        <v>70</v>
      </c>
      <c r="U82" s="1469"/>
      <c r="V82" s="1469"/>
      <c r="W82" s="1470"/>
      <c r="X82" s="1468" t="s">
        <v>71</v>
      </c>
      <c r="Y82" s="1469"/>
      <c r="Z82" s="1469"/>
      <c r="AA82" s="1470"/>
      <c r="AB82" s="1468" t="s">
        <v>72</v>
      </c>
      <c r="AC82" s="1469"/>
      <c r="AD82" s="1469"/>
      <c r="AE82" s="1470"/>
      <c r="AF82" s="1468" t="s">
        <v>75</v>
      </c>
      <c r="AG82" s="1469"/>
      <c r="AH82" s="1469"/>
      <c r="AI82" s="1470"/>
      <c r="AJ82" s="26"/>
      <c r="AK82" s="26"/>
      <c r="AL82" s="26"/>
      <c r="AM82" s="26"/>
      <c r="AN82" s="23"/>
      <c r="AO82" s="22"/>
      <c r="AP82" s="37"/>
      <c r="AQ82" s="37"/>
      <c r="AR82" s="1202" t="s">
        <v>115</v>
      </c>
      <c r="AS82" s="1233"/>
      <c r="AT82" s="1233"/>
      <c r="AU82" s="1233"/>
      <c r="AV82" s="1233"/>
      <c r="AW82" s="1233"/>
      <c r="AX82" s="1233"/>
      <c r="AY82" s="1233"/>
      <c r="AZ82" s="1233"/>
      <c r="BA82" s="1233"/>
      <c r="BB82" s="1233"/>
      <c r="BC82" s="1233"/>
      <c r="BD82" s="1233"/>
      <c r="BE82" s="1233"/>
      <c r="BF82" s="1233"/>
      <c r="BG82" s="1233"/>
      <c r="BH82" s="1233"/>
      <c r="BI82" s="1233"/>
      <c r="BJ82" s="1233"/>
      <c r="BK82" s="1233"/>
      <c r="BL82" s="1233"/>
      <c r="BM82" s="1233"/>
      <c r="BN82" s="1233"/>
      <c r="BO82" s="1233"/>
      <c r="BP82" s="1233"/>
      <c r="BQ82" s="1233"/>
      <c r="BR82" s="1233"/>
      <c r="BS82" s="1233"/>
      <c r="BT82" s="1233"/>
      <c r="BU82" s="1233"/>
      <c r="BV82" s="1233"/>
      <c r="BW82" s="1233"/>
      <c r="BX82" s="1233"/>
      <c r="BY82" s="1233"/>
      <c r="BZ82" s="1233"/>
      <c r="CA82" s="1233"/>
      <c r="CB82" s="1233"/>
      <c r="CC82" s="1402"/>
    </row>
    <row r="83" spans="1:81" ht="7.5" customHeight="1">
      <c r="A83" s="37"/>
      <c r="B83" s="37"/>
      <c r="C83" s="25"/>
      <c r="D83" s="1471"/>
      <c r="E83" s="1472"/>
      <c r="F83" s="1472"/>
      <c r="G83" s="1473"/>
      <c r="H83" s="1471"/>
      <c r="I83" s="1472"/>
      <c r="J83" s="1472"/>
      <c r="K83" s="1473"/>
      <c r="L83" s="1471"/>
      <c r="M83" s="1472"/>
      <c r="N83" s="1472"/>
      <c r="O83" s="1473"/>
      <c r="P83" s="1471"/>
      <c r="Q83" s="1472"/>
      <c r="R83" s="1472"/>
      <c r="S83" s="1473"/>
      <c r="T83" s="1471"/>
      <c r="U83" s="1472"/>
      <c r="V83" s="1472"/>
      <c r="W83" s="1473"/>
      <c r="X83" s="1471"/>
      <c r="Y83" s="1472"/>
      <c r="Z83" s="1472"/>
      <c r="AA83" s="1473"/>
      <c r="AB83" s="1471"/>
      <c r="AC83" s="1472"/>
      <c r="AD83" s="1472"/>
      <c r="AE83" s="1473"/>
      <c r="AF83" s="1471"/>
      <c r="AG83" s="1472"/>
      <c r="AH83" s="1472"/>
      <c r="AI83" s="1473"/>
      <c r="AJ83" s="26"/>
      <c r="AK83" s="26"/>
      <c r="AL83" s="26"/>
      <c r="AM83" s="26"/>
      <c r="AN83" s="23"/>
      <c r="AO83" s="22"/>
      <c r="AP83" s="37"/>
      <c r="AQ83" s="37"/>
      <c r="AR83" s="1202"/>
      <c r="AS83" s="1233"/>
      <c r="AT83" s="1233"/>
      <c r="AU83" s="1233"/>
      <c r="AV83" s="1233"/>
      <c r="AW83" s="1233"/>
      <c r="AX83" s="1233"/>
      <c r="AY83" s="1233"/>
      <c r="AZ83" s="1233"/>
      <c r="BA83" s="1233"/>
      <c r="BB83" s="1233"/>
      <c r="BC83" s="1233"/>
      <c r="BD83" s="1233"/>
      <c r="BE83" s="1233"/>
      <c r="BF83" s="1233"/>
      <c r="BG83" s="1233"/>
      <c r="BH83" s="1233"/>
      <c r="BI83" s="1233"/>
      <c r="BJ83" s="1233"/>
      <c r="BK83" s="1233"/>
      <c r="BL83" s="1233"/>
      <c r="BM83" s="1233"/>
      <c r="BN83" s="1233"/>
      <c r="BO83" s="1233"/>
      <c r="BP83" s="1233"/>
      <c r="BQ83" s="1233"/>
      <c r="BR83" s="1233"/>
      <c r="BS83" s="1233"/>
      <c r="BT83" s="1233"/>
      <c r="BU83" s="1233"/>
      <c r="BV83" s="1233"/>
      <c r="BW83" s="1233"/>
      <c r="BX83" s="1233"/>
      <c r="BY83" s="1233"/>
      <c r="BZ83" s="1233"/>
      <c r="CA83" s="1233"/>
      <c r="CB83" s="1233"/>
      <c r="CC83" s="1402"/>
    </row>
    <row r="84" spans="1:81" ht="7.5" customHeight="1">
      <c r="A84" s="37"/>
      <c r="B84" s="37"/>
      <c r="C84" s="25"/>
      <c r="D84" s="1474" t="s">
        <v>49</v>
      </c>
      <c r="E84" s="1475"/>
      <c r="F84" s="1475"/>
      <c r="G84" s="1476"/>
      <c r="H84" s="1474" t="s">
        <v>99</v>
      </c>
      <c r="I84" s="1475"/>
      <c r="J84" s="1475"/>
      <c r="K84" s="1476"/>
      <c r="L84" s="1474" t="s">
        <v>101</v>
      </c>
      <c r="M84" s="1475"/>
      <c r="N84" s="1475"/>
      <c r="O84" s="1476"/>
      <c r="P84" s="1474" t="s">
        <v>102</v>
      </c>
      <c r="Q84" s="1475"/>
      <c r="R84" s="1475"/>
      <c r="S84" s="1476"/>
      <c r="T84" s="1474" t="s">
        <v>53</v>
      </c>
      <c r="U84" s="1475"/>
      <c r="V84" s="1475"/>
      <c r="W84" s="1476"/>
      <c r="X84" s="1474" t="s">
        <v>54</v>
      </c>
      <c r="Y84" s="1475"/>
      <c r="Z84" s="1475"/>
      <c r="AA84" s="1476"/>
      <c r="AB84" s="1474" t="s">
        <v>55</v>
      </c>
      <c r="AC84" s="1475"/>
      <c r="AD84" s="1475"/>
      <c r="AE84" s="1476"/>
      <c r="AF84" s="1474" t="s">
        <v>56</v>
      </c>
      <c r="AG84" s="1475"/>
      <c r="AH84" s="1475"/>
      <c r="AI84" s="1476"/>
      <c r="AJ84" s="26"/>
      <c r="AK84" s="26"/>
      <c r="AL84" s="26"/>
      <c r="AM84" s="26"/>
      <c r="AN84" s="23"/>
      <c r="AO84" s="22"/>
      <c r="AP84" s="37"/>
      <c r="AQ84" s="37"/>
      <c r="AR84" s="1202" t="s">
        <v>311</v>
      </c>
      <c r="AS84" s="1233"/>
      <c r="AT84" s="1233"/>
      <c r="AU84" s="1233"/>
      <c r="AV84" s="1233"/>
      <c r="AW84" s="1233"/>
      <c r="AX84" s="1233"/>
      <c r="AY84" s="1233"/>
      <c r="AZ84" s="1233"/>
      <c r="BA84" s="1233"/>
      <c r="BB84" s="1233"/>
      <c r="BC84" s="1233"/>
      <c r="BD84" s="1233"/>
      <c r="BE84" s="1233"/>
      <c r="BF84" s="1233"/>
      <c r="BG84" s="1233"/>
      <c r="BH84" s="1233"/>
      <c r="BI84" s="1233"/>
      <c r="BJ84" s="1233"/>
      <c r="BK84" s="1233"/>
      <c r="BL84" s="1233"/>
      <c r="BM84" s="1233"/>
      <c r="BN84" s="1233"/>
      <c r="BO84" s="1233"/>
      <c r="BP84" s="1233"/>
      <c r="BQ84" s="1233"/>
      <c r="BR84" s="1233"/>
      <c r="BS84" s="1233"/>
      <c r="BT84" s="1233"/>
      <c r="BU84" s="1233"/>
      <c r="BV84" s="1233"/>
      <c r="BW84" s="1233"/>
      <c r="BX84" s="1233"/>
      <c r="BY84" s="1233"/>
      <c r="BZ84" s="1233"/>
      <c r="CA84" s="1233"/>
      <c r="CB84" s="1233"/>
      <c r="CC84" s="1402"/>
    </row>
    <row r="85" spans="1:81" ht="7.5" customHeight="1">
      <c r="A85" s="37"/>
      <c r="B85" s="37"/>
      <c r="C85" s="25"/>
      <c r="D85" s="1477"/>
      <c r="E85" s="1478"/>
      <c r="F85" s="1478"/>
      <c r="G85" s="1479"/>
      <c r="H85" s="1477"/>
      <c r="I85" s="1478"/>
      <c r="J85" s="1478"/>
      <c r="K85" s="1479"/>
      <c r="L85" s="1477"/>
      <c r="M85" s="1478"/>
      <c r="N85" s="1478"/>
      <c r="O85" s="1479"/>
      <c r="P85" s="1477"/>
      <c r="Q85" s="1478"/>
      <c r="R85" s="1478"/>
      <c r="S85" s="1479"/>
      <c r="T85" s="1477"/>
      <c r="U85" s="1478"/>
      <c r="V85" s="1478"/>
      <c r="W85" s="1479"/>
      <c r="X85" s="1477"/>
      <c r="Y85" s="1478"/>
      <c r="Z85" s="1478"/>
      <c r="AA85" s="1479"/>
      <c r="AB85" s="1477"/>
      <c r="AC85" s="1478"/>
      <c r="AD85" s="1478"/>
      <c r="AE85" s="1479"/>
      <c r="AF85" s="1477"/>
      <c r="AG85" s="1478"/>
      <c r="AH85" s="1478"/>
      <c r="AI85" s="1479"/>
      <c r="AJ85" s="26"/>
      <c r="AK85" s="26"/>
      <c r="AL85" s="26"/>
      <c r="AM85" s="26"/>
      <c r="AN85" s="23"/>
      <c r="AO85" s="22"/>
      <c r="AP85" s="37"/>
      <c r="AQ85" s="37"/>
      <c r="AR85" s="1449"/>
      <c r="AS85" s="1450"/>
      <c r="AT85" s="1450"/>
      <c r="AU85" s="1450"/>
      <c r="AV85" s="1450"/>
      <c r="AW85" s="1450"/>
      <c r="AX85" s="1450"/>
      <c r="AY85" s="1450"/>
      <c r="AZ85" s="1450"/>
      <c r="BA85" s="1450"/>
      <c r="BB85" s="1450"/>
      <c r="BC85" s="1450"/>
      <c r="BD85" s="1450"/>
      <c r="BE85" s="1450"/>
      <c r="BF85" s="1450"/>
      <c r="BG85" s="1450"/>
      <c r="BH85" s="1450"/>
      <c r="BI85" s="1450"/>
      <c r="BJ85" s="1450"/>
      <c r="BK85" s="1450"/>
      <c r="BL85" s="1450"/>
      <c r="BM85" s="1450"/>
      <c r="BN85" s="1450"/>
      <c r="BO85" s="1450"/>
      <c r="BP85" s="1450"/>
      <c r="BQ85" s="1450"/>
      <c r="BR85" s="1450"/>
      <c r="BS85" s="1450"/>
      <c r="BT85" s="1450"/>
      <c r="BU85" s="1450"/>
      <c r="BV85" s="1450"/>
      <c r="BW85" s="1450"/>
      <c r="BX85" s="1450"/>
      <c r="BY85" s="1450"/>
      <c r="BZ85" s="1450"/>
      <c r="CA85" s="1450"/>
      <c r="CB85" s="1450"/>
      <c r="CC85" s="1451"/>
    </row>
    <row r="86" spans="1:81" ht="7.5" customHeight="1">
      <c r="A86" s="37"/>
      <c r="B86" s="37"/>
      <c r="C86" s="25"/>
      <c r="D86" s="1468" t="s">
        <v>77</v>
      </c>
      <c r="E86" s="1469"/>
      <c r="F86" s="1469"/>
      <c r="G86" s="1470"/>
      <c r="H86" s="1468" t="s">
        <v>78</v>
      </c>
      <c r="I86" s="1469"/>
      <c r="J86" s="1469"/>
      <c r="K86" s="1470"/>
      <c r="L86" s="1468" t="s">
        <v>79</v>
      </c>
      <c r="M86" s="1469"/>
      <c r="N86" s="1469"/>
      <c r="O86" s="1470"/>
      <c r="P86" s="1468" t="s">
        <v>80</v>
      </c>
      <c r="Q86" s="1469"/>
      <c r="R86" s="1469"/>
      <c r="S86" s="1470"/>
      <c r="T86" s="1468" t="s">
        <v>298</v>
      </c>
      <c r="U86" s="1469"/>
      <c r="V86" s="1469"/>
      <c r="W86" s="1470"/>
      <c r="X86" s="1468" t="s">
        <v>81</v>
      </c>
      <c r="Y86" s="1469"/>
      <c r="Z86" s="1469"/>
      <c r="AA86" s="1470"/>
      <c r="AB86" s="1468" t="s">
        <v>82</v>
      </c>
      <c r="AC86" s="1469"/>
      <c r="AD86" s="1469"/>
      <c r="AE86" s="1470"/>
      <c r="AF86" s="1468" t="s">
        <v>300</v>
      </c>
      <c r="AG86" s="1469"/>
      <c r="AH86" s="1469"/>
      <c r="AI86" s="1470"/>
      <c r="AJ86" s="1569" t="s">
        <v>289</v>
      </c>
      <c r="AK86" s="1570"/>
      <c r="AL86" s="1570"/>
      <c r="AM86" s="1408"/>
      <c r="AN86" s="23"/>
      <c r="AO86" s="22"/>
      <c r="AP86" s="37"/>
      <c r="AQ86" s="37"/>
      <c r="AR86" s="22"/>
      <c r="AS86" s="22"/>
      <c r="AT86" s="22"/>
      <c r="AU86" s="22"/>
      <c r="AV86" s="22"/>
      <c r="AW86" s="22"/>
      <c r="AX86" s="22"/>
      <c r="AY86" s="22"/>
      <c r="AZ86" s="22"/>
      <c r="BA86" s="22"/>
      <c r="BB86" s="22"/>
      <c r="BC86" s="22"/>
      <c r="BD86" s="22"/>
      <c r="BE86" s="22"/>
      <c r="BF86" s="22"/>
      <c r="BG86" s="22"/>
      <c r="BH86" s="22"/>
      <c r="BI86" s="22"/>
      <c r="BJ86" s="22"/>
      <c r="BK86" s="22"/>
      <c r="BL86" s="22"/>
      <c r="BM86" s="22"/>
      <c r="BN86" s="22"/>
      <c r="BO86" s="22"/>
      <c r="BP86" s="22"/>
      <c r="BQ86" s="22"/>
      <c r="BR86" s="22"/>
      <c r="BS86" s="22"/>
      <c r="BT86" s="22"/>
      <c r="BU86" s="22"/>
      <c r="BV86" s="22"/>
      <c r="BW86" s="22"/>
      <c r="BX86" s="22"/>
      <c r="BY86" s="22"/>
      <c r="BZ86" s="22"/>
      <c r="CA86" s="22"/>
      <c r="CB86" s="22"/>
      <c r="CC86" s="22"/>
    </row>
    <row r="87" spans="1:81" ht="7.5" customHeight="1">
      <c r="A87" s="37"/>
      <c r="B87" s="37"/>
      <c r="C87" s="25"/>
      <c r="D87" s="1471"/>
      <c r="E87" s="1472"/>
      <c r="F87" s="1472"/>
      <c r="G87" s="1473"/>
      <c r="H87" s="1471"/>
      <c r="I87" s="1472"/>
      <c r="J87" s="1472"/>
      <c r="K87" s="1473"/>
      <c r="L87" s="1471"/>
      <c r="M87" s="1472"/>
      <c r="N87" s="1472"/>
      <c r="O87" s="1473"/>
      <c r="P87" s="1471"/>
      <c r="Q87" s="1472"/>
      <c r="R87" s="1472"/>
      <c r="S87" s="1473"/>
      <c r="T87" s="1471"/>
      <c r="U87" s="1472"/>
      <c r="V87" s="1472"/>
      <c r="W87" s="1473"/>
      <c r="X87" s="1471"/>
      <c r="Y87" s="1472"/>
      <c r="Z87" s="1472"/>
      <c r="AA87" s="1473"/>
      <c r="AB87" s="1471"/>
      <c r="AC87" s="1472"/>
      <c r="AD87" s="1472"/>
      <c r="AE87" s="1473"/>
      <c r="AF87" s="1471"/>
      <c r="AG87" s="1472"/>
      <c r="AH87" s="1472"/>
      <c r="AI87" s="1473"/>
      <c r="AJ87" s="1571"/>
      <c r="AK87" s="1572"/>
      <c r="AL87" s="1572"/>
      <c r="AM87" s="1573"/>
      <c r="AN87" s="23"/>
      <c r="AO87" s="22"/>
      <c r="AP87" s="863" t="s">
        <v>94</v>
      </c>
      <c r="AQ87" s="1236"/>
      <c r="AR87" s="1431" t="s">
        <v>752</v>
      </c>
      <c r="AS87" s="1432"/>
      <c r="AT87" s="1432"/>
      <c r="AU87" s="1432"/>
      <c r="AV87" s="1432"/>
      <c r="AW87" s="1432"/>
      <c r="AX87" s="1432"/>
      <c r="AY87" s="1432"/>
      <c r="AZ87" s="1432"/>
      <c r="BA87" s="1432"/>
      <c r="BB87" s="1432"/>
      <c r="BC87" s="1432"/>
      <c r="BD87" s="1432"/>
      <c r="BE87" s="1432"/>
      <c r="BF87" s="1432"/>
      <c r="BG87" s="1432"/>
      <c r="BH87" s="1432"/>
      <c r="BI87" s="1432"/>
      <c r="BJ87" s="1432"/>
      <c r="BK87" s="1432"/>
      <c r="BL87" s="1432"/>
      <c r="BM87" s="1432"/>
      <c r="BN87" s="1432"/>
      <c r="BO87" s="1432"/>
      <c r="BP87" s="1432"/>
      <c r="BQ87" s="1432"/>
      <c r="BR87" s="1432"/>
      <c r="BS87" s="1432"/>
      <c r="BT87" s="1432"/>
      <c r="BU87" s="1432"/>
      <c r="BV87" s="1432"/>
      <c r="BW87" s="1432"/>
      <c r="BX87" s="1432"/>
      <c r="BY87" s="1432"/>
      <c r="BZ87" s="1432"/>
      <c r="CA87" s="1432"/>
      <c r="CB87" s="1432"/>
      <c r="CC87" s="1433"/>
    </row>
    <row r="88" spans="1:81" ht="7.5" customHeight="1">
      <c r="A88" s="37"/>
      <c r="B88" s="37"/>
      <c r="C88" s="25"/>
      <c r="D88" s="1474" t="s">
        <v>50</v>
      </c>
      <c r="E88" s="1475"/>
      <c r="F88" s="1475"/>
      <c r="G88" s="1476"/>
      <c r="H88" s="1474" t="s">
        <v>51</v>
      </c>
      <c r="I88" s="1475"/>
      <c r="J88" s="1475"/>
      <c r="K88" s="1476"/>
      <c r="L88" s="1474" t="s">
        <v>103</v>
      </c>
      <c r="M88" s="1475"/>
      <c r="N88" s="1475"/>
      <c r="O88" s="1476"/>
      <c r="P88" s="1474" t="s">
        <v>104</v>
      </c>
      <c r="Q88" s="1475"/>
      <c r="R88" s="1475"/>
      <c r="S88" s="1476"/>
      <c r="T88" s="1474" t="s">
        <v>299</v>
      </c>
      <c r="U88" s="1475"/>
      <c r="V88" s="1475"/>
      <c r="W88" s="1476"/>
      <c r="X88" s="1474" t="s">
        <v>52</v>
      </c>
      <c r="Y88" s="1475"/>
      <c r="Z88" s="1475"/>
      <c r="AA88" s="1476"/>
      <c r="AB88" s="1474" t="s">
        <v>105</v>
      </c>
      <c r="AC88" s="1475"/>
      <c r="AD88" s="1475"/>
      <c r="AE88" s="1476"/>
      <c r="AF88" s="1474" t="s">
        <v>301</v>
      </c>
      <c r="AG88" s="1475"/>
      <c r="AH88" s="1475"/>
      <c r="AI88" s="1476"/>
      <c r="AJ88" s="1468">
        <v>51</v>
      </c>
      <c r="AK88" s="1469"/>
      <c r="AL88" s="1469"/>
      <c r="AM88" s="1470"/>
      <c r="AN88" s="23"/>
      <c r="AO88" s="22"/>
      <c r="AP88" s="863"/>
      <c r="AQ88" s="1236"/>
      <c r="AR88" s="1434"/>
      <c r="AS88" s="1435"/>
      <c r="AT88" s="1435"/>
      <c r="AU88" s="1435"/>
      <c r="AV88" s="1435"/>
      <c r="AW88" s="1435"/>
      <c r="AX88" s="1435"/>
      <c r="AY88" s="1435"/>
      <c r="AZ88" s="1435"/>
      <c r="BA88" s="1435"/>
      <c r="BB88" s="1435"/>
      <c r="BC88" s="1435"/>
      <c r="BD88" s="1435"/>
      <c r="BE88" s="1435"/>
      <c r="BF88" s="1435"/>
      <c r="BG88" s="1435"/>
      <c r="BH88" s="1435"/>
      <c r="BI88" s="1435"/>
      <c r="BJ88" s="1435"/>
      <c r="BK88" s="1435"/>
      <c r="BL88" s="1435"/>
      <c r="BM88" s="1435"/>
      <c r="BN88" s="1435"/>
      <c r="BO88" s="1435"/>
      <c r="BP88" s="1435"/>
      <c r="BQ88" s="1435"/>
      <c r="BR88" s="1435"/>
      <c r="BS88" s="1435"/>
      <c r="BT88" s="1435"/>
      <c r="BU88" s="1435"/>
      <c r="BV88" s="1435"/>
      <c r="BW88" s="1435"/>
      <c r="BX88" s="1435"/>
      <c r="BY88" s="1435"/>
      <c r="BZ88" s="1435"/>
      <c r="CA88" s="1435"/>
      <c r="CB88" s="1435"/>
      <c r="CC88" s="1436"/>
    </row>
    <row r="89" spans="1:81" ht="7.5" customHeight="1">
      <c r="A89" s="37"/>
      <c r="B89" s="37"/>
      <c r="C89" s="25"/>
      <c r="D89" s="1477"/>
      <c r="E89" s="1478"/>
      <c r="F89" s="1478"/>
      <c r="G89" s="1479"/>
      <c r="H89" s="1477"/>
      <c r="I89" s="1478"/>
      <c r="J89" s="1478"/>
      <c r="K89" s="1479"/>
      <c r="L89" s="1477"/>
      <c r="M89" s="1478"/>
      <c r="N89" s="1478"/>
      <c r="O89" s="1479"/>
      <c r="P89" s="1477"/>
      <c r="Q89" s="1478"/>
      <c r="R89" s="1478"/>
      <c r="S89" s="1479"/>
      <c r="T89" s="1477"/>
      <c r="U89" s="1478"/>
      <c r="V89" s="1478"/>
      <c r="W89" s="1479"/>
      <c r="X89" s="1477"/>
      <c r="Y89" s="1478"/>
      <c r="Z89" s="1478"/>
      <c r="AA89" s="1479"/>
      <c r="AB89" s="1477"/>
      <c r="AC89" s="1478"/>
      <c r="AD89" s="1478"/>
      <c r="AE89" s="1479"/>
      <c r="AF89" s="1477"/>
      <c r="AG89" s="1478"/>
      <c r="AH89" s="1478"/>
      <c r="AI89" s="1479"/>
      <c r="AJ89" s="1471"/>
      <c r="AK89" s="1472"/>
      <c r="AL89" s="1472"/>
      <c r="AM89" s="1473"/>
      <c r="AN89" s="23"/>
      <c r="AO89" s="22"/>
      <c r="AP89" s="37"/>
      <c r="AQ89" s="37"/>
      <c r="AR89" s="1202" t="s">
        <v>116</v>
      </c>
      <c r="AS89" s="1233"/>
      <c r="AT89" s="1233"/>
      <c r="AU89" s="1233"/>
      <c r="AV89" s="1233"/>
      <c r="AW89" s="1233"/>
      <c r="AX89" s="1233"/>
      <c r="AY89" s="1233"/>
      <c r="AZ89" s="1233"/>
      <c r="BA89" s="1233"/>
      <c r="BB89" s="1233"/>
      <c r="BC89" s="1233"/>
      <c r="BD89" s="1233"/>
      <c r="BE89" s="1233"/>
      <c r="BF89" s="1233"/>
      <c r="BG89" s="1233"/>
      <c r="BH89" s="1233"/>
      <c r="BI89" s="1233"/>
      <c r="BJ89" s="1233"/>
      <c r="BK89" s="1233"/>
      <c r="BL89" s="1233"/>
      <c r="BM89" s="1233"/>
      <c r="BN89" s="1233"/>
      <c r="BO89" s="1233"/>
      <c r="BP89" s="1233"/>
      <c r="BQ89" s="1233"/>
      <c r="BR89" s="1233"/>
      <c r="BS89" s="1233"/>
      <c r="BT89" s="1233"/>
      <c r="BU89" s="1233"/>
      <c r="BV89" s="1233"/>
      <c r="BW89" s="1233"/>
      <c r="BX89" s="1233"/>
      <c r="BY89" s="1233"/>
      <c r="BZ89" s="1233"/>
      <c r="CA89" s="1233"/>
      <c r="CB89" s="1233"/>
      <c r="CC89" s="1402"/>
    </row>
    <row r="90" spans="1:81" ht="7.5" customHeight="1">
      <c r="A90" s="37"/>
      <c r="B90" s="37"/>
      <c r="C90" s="25"/>
      <c r="D90" s="32"/>
      <c r="E90" s="32"/>
      <c r="F90" s="32"/>
      <c r="G90" s="32"/>
      <c r="H90" s="32"/>
      <c r="I90" s="32"/>
      <c r="J90" s="32"/>
      <c r="K90" s="32"/>
      <c r="L90" s="32"/>
      <c r="M90" s="32"/>
      <c r="N90" s="32"/>
      <c r="O90" s="32"/>
      <c r="P90" s="32"/>
      <c r="Q90" s="32"/>
      <c r="R90" s="32"/>
      <c r="S90" s="32"/>
      <c r="T90" s="32"/>
      <c r="U90" s="32"/>
      <c r="V90" s="32"/>
      <c r="W90" s="32"/>
      <c r="X90" s="32"/>
      <c r="Y90" s="32"/>
      <c r="Z90" s="32"/>
      <c r="AA90" s="32"/>
      <c r="AB90" s="26"/>
      <c r="AC90" s="26"/>
      <c r="AD90" s="26"/>
      <c r="AE90" s="26"/>
      <c r="AF90" s="26"/>
      <c r="AG90" s="26"/>
      <c r="AH90" s="26"/>
      <c r="AI90" s="26"/>
      <c r="AJ90" s="26"/>
      <c r="AK90" s="26"/>
      <c r="AL90" s="26"/>
      <c r="AM90" s="26"/>
      <c r="AN90" s="23"/>
      <c r="AO90" s="22"/>
      <c r="AP90" s="37"/>
      <c r="AQ90" s="37"/>
      <c r="AR90" s="1202"/>
      <c r="AS90" s="1233"/>
      <c r="AT90" s="1233"/>
      <c r="AU90" s="1233"/>
      <c r="AV90" s="1233"/>
      <c r="AW90" s="1233"/>
      <c r="AX90" s="1233"/>
      <c r="AY90" s="1233"/>
      <c r="AZ90" s="1233"/>
      <c r="BA90" s="1233"/>
      <c r="BB90" s="1233"/>
      <c r="BC90" s="1233"/>
      <c r="BD90" s="1233"/>
      <c r="BE90" s="1233"/>
      <c r="BF90" s="1233"/>
      <c r="BG90" s="1233"/>
      <c r="BH90" s="1233"/>
      <c r="BI90" s="1233"/>
      <c r="BJ90" s="1233"/>
      <c r="BK90" s="1233"/>
      <c r="BL90" s="1233"/>
      <c r="BM90" s="1233"/>
      <c r="BN90" s="1233"/>
      <c r="BO90" s="1233"/>
      <c r="BP90" s="1233"/>
      <c r="BQ90" s="1233"/>
      <c r="BR90" s="1233"/>
      <c r="BS90" s="1233"/>
      <c r="BT90" s="1233"/>
      <c r="BU90" s="1233"/>
      <c r="BV90" s="1233"/>
      <c r="BW90" s="1233"/>
      <c r="BX90" s="1233"/>
      <c r="BY90" s="1233"/>
      <c r="BZ90" s="1233"/>
      <c r="CA90" s="1233"/>
      <c r="CB90" s="1233"/>
      <c r="CC90" s="1402"/>
    </row>
    <row r="91" spans="1:81" ht="7.5" customHeight="1">
      <c r="A91" s="37"/>
      <c r="B91" s="37"/>
      <c r="C91" s="1202" t="s">
        <v>330</v>
      </c>
      <c r="D91" s="1233"/>
      <c r="E91" s="1233"/>
      <c r="F91" s="1233"/>
      <c r="G91" s="1233"/>
      <c r="H91" s="1233"/>
      <c r="I91" s="1233"/>
      <c r="J91" s="1233"/>
      <c r="K91" s="1233"/>
      <c r="L91" s="1233"/>
      <c r="M91" s="1233"/>
      <c r="N91" s="1233"/>
      <c r="O91" s="1233"/>
      <c r="P91" s="1233"/>
      <c r="Q91" s="1233"/>
      <c r="R91" s="1233"/>
      <c r="S91" s="1233"/>
      <c r="T91" s="1233"/>
      <c r="U91" s="1233"/>
      <c r="V91" s="1233"/>
      <c r="W91" s="1233"/>
      <c r="X91" s="1233"/>
      <c r="Y91" s="1233"/>
      <c r="Z91" s="1233"/>
      <c r="AA91" s="1233"/>
      <c r="AB91" s="1233"/>
      <c r="AC91" s="1233"/>
      <c r="AD91" s="1233"/>
      <c r="AE91" s="1233"/>
      <c r="AF91" s="1233"/>
      <c r="AG91" s="1233"/>
      <c r="AH91" s="1233"/>
      <c r="AI91" s="1233"/>
      <c r="AJ91" s="1233"/>
      <c r="AK91" s="1233"/>
      <c r="AL91" s="1233"/>
      <c r="AM91" s="1233"/>
      <c r="AN91" s="1402"/>
      <c r="AO91" s="22"/>
      <c r="AP91" s="37"/>
      <c r="AQ91" s="37"/>
      <c r="AR91" s="1202" t="s">
        <v>585</v>
      </c>
      <c r="AS91" s="1233"/>
      <c r="AT91" s="1233"/>
      <c r="AU91" s="1233"/>
      <c r="AV91" s="1233"/>
      <c r="AW91" s="1233"/>
      <c r="AX91" s="1233"/>
      <c r="AY91" s="1233"/>
      <c r="AZ91" s="1233"/>
      <c r="BA91" s="1233"/>
      <c r="BB91" s="1233"/>
      <c r="BC91" s="1233"/>
      <c r="BD91" s="1233"/>
      <c r="BE91" s="1233"/>
      <c r="BF91" s="1233"/>
      <c r="BG91" s="1233"/>
      <c r="BH91" s="1233"/>
      <c r="BI91" s="1233"/>
      <c r="BJ91" s="1233"/>
      <c r="BK91" s="1233"/>
      <c r="BL91" s="1233"/>
      <c r="BM91" s="1233"/>
      <c r="BN91" s="1233"/>
      <c r="BO91" s="1233"/>
      <c r="BP91" s="1233"/>
      <c r="BQ91" s="1233"/>
      <c r="BR91" s="1233"/>
      <c r="BS91" s="1233"/>
      <c r="BT91" s="1233"/>
      <c r="BU91" s="1233"/>
      <c r="BV91" s="1233"/>
      <c r="BW91" s="1233"/>
      <c r="BX91" s="1233"/>
      <c r="BY91" s="1233"/>
      <c r="BZ91" s="1233"/>
      <c r="CA91" s="1233"/>
      <c r="CB91" s="1233"/>
      <c r="CC91" s="1402"/>
    </row>
    <row r="92" spans="1:81" ht="7.5" customHeight="1">
      <c r="A92" s="37"/>
      <c r="B92" s="37"/>
      <c r="C92" s="1202"/>
      <c r="D92" s="1233"/>
      <c r="E92" s="1233"/>
      <c r="F92" s="1233"/>
      <c r="G92" s="1233"/>
      <c r="H92" s="1233"/>
      <c r="I92" s="1233"/>
      <c r="J92" s="1233"/>
      <c r="K92" s="1233"/>
      <c r="L92" s="1233"/>
      <c r="M92" s="1233"/>
      <c r="N92" s="1233"/>
      <c r="O92" s="1233"/>
      <c r="P92" s="1233"/>
      <c r="Q92" s="1233"/>
      <c r="R92" s="1233"/>
      <c r="S92" s="1233"/>
      <c r="T92" s="1233"/>
      <c r="U92" s="1233"/>
      <c r="V92" s="1233"/>
      <c r="W92" s="1233"/>
      <c r="X92" s="1233"/>
      <c r="Y92" s="1233"/>
      <c r="Z92" s="1233"/>
      <c r="AA92" s="1233"/>
      <c r="AB92" s="1233"/>
      <c r="AC92" s="1233"/>
      <c r="AD92" s="1233"/>
      <c r="AE92" s="1233"/>
      <c r="AF92" s="1233"/>
      <c r="AG92" s="1233"/>
      <c r="AH92" s="1233"/>
      <c r="AI92" s="1233"/>
      <c r="AJ92" s="1233"/>
      <c r="AK92" s="1233"/>
      <c r="AL92" s="1233"/>
      <c r="AM92" s="1233"/>
      <c r="AN92" s="1402"/>
      <c r="AO92" s="22"/>
      <c r="AP92" s="37"/>
      <c r="AQ92" s="37"/>
      <c r="AR92" s="1202"/>
      <c r="AS92" s="1233"/>
      <c r="AT92" s="1233"/>
      <c r="AU92" s="1233"/>
      <c r="AV92" s="1233"/>
      <c r="AW92" s="1233"/>
      <c r="AX92" s="1233"/>
      <c r="AY92" s="1233"/>
      <c r="AZ92" s="1233"/>
      <c r="BA92" s="1233"/>
      <c r="BB92" s="1233"/>
      <c r="BC92" s="1233"/>
      <c r="BD92" s="1233"/>
      <c r="BE92" s="1233"/>
      <c r="BF92" s="1233"/>
      <c r="BG92" s="1233"/>
      <c r="BH92" s="1233"/>
      <c r="BI92" s="1233"/>
      <c r="BJ92" s="1233"/>
      <c r="BK92" s="1233"/>
      <c r="BL92" s="1233"/>
      <c r="BM92" s="1233"/>
      <c r="BN92" s="1233"/>
      <c r="BO92" s="1233"/>
      <c r="BP92" s="1233"/>
      <c r="BQ92" s="1233"/>
      <c r="BR92" s="1233"/>
      <c r="BS92" s="1233"/>
      <c r="BT92" s="1233"/>
      <c r="BU92" s="1233"/>
      <c r="BV92" s="1233"/>
      <c r="BW92" s="1233"/>
      <c r="BX92" s="1233"/>
      <c r="BY92" s="1233"/>
      <c r="BZ92" s="1233"/>
      <c r="CA92" s="1233"/>
      <c r="CB92" s="1233"/>
      <c r="CC92" s="1402"/>
    </row>
    <row r="93" spans="1:81" ht="7.5" customHeight="1">
      <c r="A93" s="37"/>
      <c r="B93" s="37"/>
      <c r="C93" s="1202" t="s">
        <v>426</v>
      </c>
      <c r="D93" s="1233"/>
      <c r="E93" s="1233"/>
      <c r="F93" s="1233"/>
      <c r="G93" s="1233"/>
      <c r="H93" s="1233"/>
      <c r="I93" s="1233"/>
      <c r="J93" s="1233"/>
      <c r="K93" s="1233"/>
      <c r="L93" s="1233"/>
      <c r="M93" s="1233"/>
      <c r="N93" s="1233"/>
      <c r="O93" s="1233"/>
      <c r="P93" s="1233"/>
      <c r="Q93" s="1233"/>
      <c r="R93" s="1233"/>
      <c r="S93" s="1233"/>
      <c r="T93" s="1233"/>
      <c r="U93" s="1233"/>
      <c r="V93" s="1233"/>
      <c r="W93" s="1233"/>
      <c r="X93" s="1233"/>
      <c r="Y93" s="1233"/>
      <c r="Z93" s="1233"/>
      <c r="AA93" s="1233"/>
      <c r="AB93" s="1233"/>
      <c r="AC93" s="1233"/>
      <c r="AD93" s="1233"/>
      <c r="AE93" s="1233"/>
      <c r="AF93" s="1233"/>
      <c r="AG93" s="1233"/>
      <c r="AH93" s="1233"/>
      <c r="AI93" s="1233"/>
      <c r="AJ93" s="1233"/>
      <c r="AK93" s="1233"/>
      <c r="AL93" s="1233"/>
      <c r="AM93" s="1233"/>
      <c r="AN93" s="1402"/>
      <c r="AO93" s="22"/>
      <c r="AP93" s="37"/>
      <c r="AQ93" s="37"/>
      <c r="AR93" s="1202" t="s">
        <v>586</v>
      </c>
      <c r="AS93" s="1233"/>
      <c r="AT93" s="1233"/>
      <c r="AU93" s="1233"/>
      <c r="AV93" s="1233"/>
      <c r="AW93" s="1233"/>
      <c r="AX93" s="1233"/>
      <c r="AY93" s="1233"/>
      <c r="AZ93" s="1233"/>
      <c r="BA93" s="1233"/>
      <c r="BB93" s="1233"/>
      <c r="BC93" s="1233"/>
      <c r="BD93" s="1233"/>
      <c r="BE93" s="1233"/>
      <c r="BF93" s="1233"/>
      <c r="BG93" s="1233"/>
      <c r="BH93" s="1233"/>
      <c r="BI93" s="1233"/>
      <c r="BJ93" s="1233"/>
      <c r="BK93" s="1233"/>
      <c r="BL93" s="1233"/>
      <c r="BM93" s="1233"/>
      <c r="BN93" s="1233"/>
      <c r="BO93" s="1233"/>
      <c r="BP93" s="1233"/>
      <c r="BQ93" s="1233"/>
      <c r="BR93" s="1233"/>
      <c r="BS93" s="1233"/>
      <c r="BT93" s="1233"/>
      <c r="BU93" s="1233"/>
      <c r="BV93" s="1233"/>
      <c r="BW93" s="1233"/>
      <c r="BX93" s="1233"/>
      <c r="BY93" s="1233"/>
      <c r="BZ93" s="1233"/>
      <c r="CA93" s="1233"/>
      <c r="CB93" s="1233"/>
      <c r="CC93" s="1402"/>
    </row>
    <row r="94" spans="1:81" ht="7.5" customHeight="1">
      <c r="A94" s="37"/>
      <c r="B94" s="37"/>
      <c r="C94" s="1202"/>
      <c r="D94" s="1233"/>
      <c r="E94" s="1233"/>
      <c r="F94" s="1233"/>
      <c r="G94" s="1233"/>
      <c r="H94" s="1233"/>
      <c r="I94" s="1233"/>
      <c r="J94" s="1233"/>
      <c r="K94" s="1233"/>
      <c r="L94" s="1233"/>
      <c r="M94" s="1233"/>
      <c r="N94" s="1233"/>
      <c r="O94" s="1233"/>
      <c r="P94" s="1233"/>
      <c r="Q94" s="1233"/>
      <c r="R94" s="1233"/>
      <c r="S94" s="1233"/>
      <c r="T94" s="1233"/>
      <c r="U94" s="1233"/>
      <c r="V94" s="1233"/>
      <c r="W94" s="1233"/>
      <c r="X94" s="1233"/>
      <c r="Y94" s="1233"/>
      <c r="Z94" s="1233"/>
      <c r="AA94" s="1233"/>
      <c r="AB94" s="1233"/>
      <c r="AC94" s="1233"/>
      <c r="AD94" s="1233"/>
      <c r="AE94" s="1233"/>
      <c r="AF94" s="1233"/>
      <c r="AG94" s="1233"/>
      <c r="AH94" s="1233"/>
      <c r="AI94" s="1233"/>
      <c r="AJ94" s="1233"/>
      <c r="AK94" s="1233"/>
      <c r="AL94" s="1233"/>
      <c r="AM94" s="1233"/>
      <c r="AN94" s="1402"/>
      <c r="AO94" s="22"/>
      <c r="AP94" s="37"/>
      <c r="AQ94" s="37"/>
      <c r="AR94" s="1449"/>
      <c r="AS94" s="1450"/>
      <c r="AT94" s="1450"/>
      <c r="AU94" s="1450"/>
      <c r="AV94" s="1450"/>
      <c r="AW94" s="1450"/>
      <c r="AX94" s="1450"/>
      <c r="AY94" s="1450"/>
      <c r="AZ94" s="1450"/>
      <c r="BA94" s="1450"/>
      <c r="BB94" s="1450"/>
      <c r="BC94" s="1450"/>
      <c r="BD94" s="1450"/>
      <c r="BE94" s="1450"/>
      <c r="BF94" s="1450"/>
      <c r="BG94" s="1450"/>
      <c r="BH94" s="1450"/>
      <c r="BI94" s="1450"/>
      <c r="BJ94" s="1450"/>
      <c r="BK94" s="1450"/>
      <c r="BL94" s="1450"/>
      <c r="BM94" s="1450"/>
      <c r="BN94" s="1450"/>
      <c r="BO94" s="1450"/>
      <c r="BP94" s="1450"/>
      <c r="BQ94" s="1450"/>
      <c r="BR94" s="1450"/>
      <c r="BS94" s="1450"/>
      <c r="BT94" s="1450"/>
      <c r="BU94" s="1450"/>
      <c r="BV94" s="1450"/>
      <c r="BW94" s="1450"/>
      <c r="BX94" s="1450"/>
      <c r="BY94" s="1450"/>
      <c r="BZ94" s="1450"/>
      <c r="CA94" s="1450"/>
      <c r="CB94" s="1450"/>
      <c r="CC94" s="1451"/>
    </row>
    <row r="95" spans="1:81" ht="7.5" customHeight="1">
      <c r="A95" s="22"/>
      <c r="B95" s="22"/>
      <c r="C95" s="1673" t="s">
        <v>331</v>
      </c>
      <c r="D95" s="1674"/>
      <c r="E95" s="1674"/>
      <c r="F95" s="1674"/>
      <c r="G95" s="1674"/>
      <c r="H95" s="1674"/>
      <c r="I95" s="1674"/>
      <c r="J95" s="1674"/>
      <c r="K95" s="1674"/>
      <c r="L95" s="1674"/>
      <c r="M95" s="1674"/>
      <c r="N95" s="1674"/>
      <c r="O95" s="1674"/>
      <c r="P95" s="1674"/>
      <c r="Q95" s="1674"/>
      <c r="R95" s="1674"/>
      <c r="S95" s="1674"/>
      <c r="T95" s="1674"/>
      <c r="U95" s="1674"/>
      <c r="V95" s="1674"/>
      <c r="W95" s="1674"/>
      <c r="X95" s="1674"/>
      <c r="Y95" s="1674"/>
      <c r="Z95" s="1674"/>
      <c r="AA95" s="1674"/>
      <c r="AB95" s="1674"/>
      <c r="AC95" s="1674"/>
      <c r="AD95" s="1674"/>
      <c r="AE95" s="1674"/>
      <c r="AF95" s="1674"/>
      <c r="AG95" s="1674"/>
      <c r="AH95" s="1674"/>
      <c r="AI95" s="1674"/>
      <c r="AJ95" s="1674"/>
      <c r="AK95" s="1674"/>
      <c r="AL95" s="1674"/>
      <c r="AM95" s="1674"/>
      <c r="AN95" s="1675"/>
      <c r="AO95" s="22"/>
      <c r="AP95" s="37"/>
      <c r="AQ95" s="37"/>
      <c r="AR95" s="24"/>
      <c r="AS95" s="24"/>
      <c r="AT95" s="24"/>
      <c r="AU95" s="24"/>
      <c r="AV95" s="24"/>
      <c r="AW95" s="24"/>
      <c r="AX95" s="24"/>
      <c r="AY95" s="24"/>
      <c r="AZ95" s="24"/>
      <c r="BA95" s="24"/>
      <c r="BB95" s="24"/>
      <c r="BC95" s="24"/>
      <c r="BD95" s="24"/>
      <c r="BE95" s="24"/>
      <c r="BF95" s="24"/>
      <c r="BG95" s="24"/>
      <c r="BH95" s="24"/>
      <c r="BI95" s="24"/>
      <c r="BJ95" s="24"/>
      <c r="BK95" s="24"/>
      <c r="BL95" s="24"/>
      <c r="BM95" s="24"/>
      <c r="BN95" s="24"/>
      <c r="BO95" s="24"/>
      <c r="BP95" s="24"/>
      <c r="BQ95" s="24"/>
      <c r="BR95" s="24"/>
      <c r="BS95" s="24"/>
      <c r="BT95" s="24"/>
      <c r="BU95" s="24"/>
      <c r="BV95" s="24"/>
      <c r="BW95" s="24"/>
      <c r="BX95" s="24"/>
      <c r="BY95" s="24"/>
      <c r="BZ95" s="24"/>
      <c r="CA95" s="24"/>
      <c r="CB95" s="24"/>
      <c r="CC95" s="24"/>
    </row>
    <row r="96" spans="1:81" ht="7.5" customHeight="1">
      <c r="A96" s="22"/>
      <c r="B96" s="22"/>
      <c r="C96" s="1589"/>
      <c r="D96" s="1590"/>
      <c r="E96" s="1590"/>
      <c r="F96" s="1590"/>
      <c r="G96" s="1590"/>
      <c r="H96" s="1590"/>
      <c r="I96" s="1590"/>
      <c r="J96" s="1590"/>
      <c r="K96" s="1590"/>
      <c r="L96" s="1590"/>
      <c r="M96" s="1590"/>
      <c r="N96" s="1590"/>
      <c r="O96" s="1590"/>
      <c r="P96" s="1590"/>
      <c r="Q96" s="1590"/>
      <c r="R96" s="1590"/>
      <c r="S96" s="1590"/>
      <c r="T96" s="1590"/>
      <c r="U96" s="1590"/>
      <c r="V96" s="1590"/>
      <c r="W96" s="1590"/>
      <c r="X96" s="1590"/>
      <c r="Y96" s="1590"/>
      <c r="Z96" s="1590"/>
      <c r="AA96" s="1590"/>
      <c r="AB96" s="1590"/>
      <c r="AC96" s="1590"/>
      <c r="AD96" s="1590"/>
      <c r="AE96" s="1590"/>
      <c r="AF96" s="1590"/>
      <c r="AG96" s="1590"/>
      <c r="AH96" s="1590"/>
      <c r="AI96" s="1590"/>
      <c r="AJ96" s="1590"/>
      <c r="AK96" s="1590"/>
      <c r="AL96" s="1590"/>
      <c r="AM96" s="1590"/>
      <c r="AN96" s="1591"/>
      <c r="AO96" s="22"/>
      <c r="AP96" s="863" t="s">
        <v>95</v>
      </c>
      <c r="AQ96" s="1177"/>
      <c r="AR96" s="1431" t="s">
        <v>753</v>
      </c>
      <c r="AS96" s="1432"/>
      <c r="AT96" s="1432"/>
      <c r="AU96" s="1432"/>
      <c r="AV96" s="1432"/>
      <c r="AW96" s="1432"/>
      <c r="AX96" s="1432"/>
      <c r="AY96" s="1432"/>
      <c r="AZ96" s="1432"/>
      <c r="BA96" s="1432"/>
      <c r="BB96" s="1432"/>
      <c r="BC96" s="1432"/>
      <c r="BD96" s="1432"/>
      <c r="BE96" s="1432"/>
      <c r="BF96" s="1432"/>
      <c r="BG96" s="1432"/>
      <c r="BH96" s="1432"/>
      <c r="BI96" s="1432"/>
      <c r="BJ96" s="1432"/>
      <c r="BK96" s="1432"/>
      <c r="BL96" s="1432"/>
      <c r="BM96" s="1432"/>
      <c r="BN96" s="1432"/>
      <c r="BO96" s="1432"/>
      <c r="BP96" s="1432"/>
      <c r="BQ96" s="1432"/>
      <c r="BR96" s="1432"/>
      <c r="BS96" s="1432"/>
      <c r="BT96" s="1432"/>
      <c r="BU96" s="1432"/>
      <c r="BV96" s="1432"/>
      <c r="BW96" s="1432"/>
      <c r="BX96" s="1432"/>
      <c r="BY96" s="1432"/>
      <c r="BZ96" s="1432"/>
      <c r="CA96" s="1432"/>
      <c r="CB96" s="1432"/>
      <c r="CC96" s="1433"/>
    </row>
    <row r="97" spans="1:81" ht="7.5" customHeight="1">
      <c r="A97" s="22"/>
      <c r="B97" s="22"/>
      <c r="AO97" s="22"/>
      <c r="AP97" s="863"/>
      <c r="AQ97" s="1177"/>
      <c r="AR97" s="1434"/>
      <c r="AS97" s="1435"/>
      <c r="AT97" s="1435"/>
      <c r="AU97" s="1435"/>
      <c r="AV97" s="1435"/>
      <c r="AW97" s="1435"/>
      <c r="AX97" s="1435"/>
      <c r="AY97" s="1435"/>
      <c r="AZ97" s="1435"/>
      <c r="BA97" s="1435"/>
      <c r="BB97" s="1435"/>
      <c r="BC97" s="1435"/>
      <c r="BD97" s="1435"/>
      <c r="BE97" s="1435"/>
      <c r="BF97" s="1435"/>
      <c r="BG97" s="1435"/>
      <c r="BH97" s="1435"/>
      <c r="BI97" s="1435"/>
      <c r="BJ97" s="1435"/>
      <c r="BK97" s="1435"/>
      <c r="BL97" s="1435"/>
      <c r="BM97" s="1435"/>
      <c r="BN97" s="1435"/>
      <c r="BO97" s="1435"/>
      <c r="BP97" s="1435"/>
      <c r="BQ97" s="1435"/>
      <c r="BR97" s="1435"/>
      <c r="BS97" s="1435"/>
      <c r="BT97" s="1435"/>
      <c r="BU97" s="1435"/>
      <c r="BV97" s="1435"/>
      <c r="BW97" s="1435"/>
      <c r="BX97" s="1435"/>
      <c r="BY97" s="1435"/>
      <c r="BZ97" s="1435"/>
      <c r="CA97" s="1435"/>
      <c r="CB97" s="1435"/>
      <c r="CC97" s="1436"/>
    </row>
    <row r="98" spans="1:81" ht="7.5" customHeight="1">
      <c r="A98" s="22"/>
      <c r="B98" s="22"/>
      <c r="AO98" s="22"/>
      <c r="AP98" s="22"/>
      <c r="AQ98" s="22"/>
      <c r="AR98" s="1202" t="s">
        <v>117</v>
      </c>
      <c r="AS98" s="1233"/>
      <c r="AT98" s="1233"/>
      <c r="AU98" s="1233"/>
      <c r="AV98" s="1233"/>
      <c r="AW98" s="1233"/>
      <c r="AX98" s="1233"/>
      <c r="AY98" s="1233"/>
      <c r="AZ98" s="1233"/>
      <c r="BA98" s="1233"/>
      <c r="BB98" s="1233"/>
      <c r="BC98" s="1233"/>
      <c r="BD98" s="1233"/>
      <c r="BE98" s="1233"/>
      <c r="BF98" s="1233"/>
      <c r="BG98" s="1233"/>
      <c r="BH98" s="1233"/>
      <c r="BI98" s="1233"/>
      <c r="BJ98" s="1233"/>
      <c r="BK98" s="1233"/>
      <c r="BL98" s="1233"/>
      <c r="BM98" s="1233"/>
      <c r="BN98" s="1233"/>
      <c r="BO98" s="1233"/>
      <c r="BP98" s="1233"/>
      <c r="BQ98" s="1233"/>
      <c r="BR98" s="1233"/>
      <c r="BS98" s="1233"/>
      <c r="BT98" s="1233"/>
      <c r="BU98" s="1233"/>
      <c r="BV98" s="1233"/>
      <c r="BW98" s="1233"/>
      <c r="BX98" s="1233"/>
      <c r="BY98" s="1233"/>
      <c r="BZ98" s="1233"/>
      <c r="CA98" s="1233"/>
      <c r="CB98" s="1233"/>
      <c r="CC98" s="1402"/>
    </row>
    <row r="99" spans="1:81" ht="7.5" customHeight="1">
      <c r="A99" s="22"/>
      <c r="B99" s="22"/>
      <c r="AO99" s="881">
        <v>9</v>
      </c>
      <c r="AP99" s="22"/>
      <c r="AQ99" s="22"/>
      <c r="AR99" s="1202"/>
      <c r="AS99" s="1233"/>
      <c r="AT99" s="1233"/>
      <c r="AU99" s="1233"/>
      <c r="AV99" s="1233"/>
      <c r="AW99" s="1233"/>
      <c r="AX99" s="1233"/>
      <c r="AY99" s="1233"/>
      <c r="AZ99" s="1233"/>
      <c r="BA99" s="1233"/>
      <c r="BB99" s="1233"/>
      <c r="BC99" s="1233"/>
      <c r="BD99" s="1233"/>
      <c r="BE99" s="1233"/>
      <c r="BF99" s="1233"/>
      <c r="BG99" s="1233"/>
      <c r="BH99" s="1233"/>
      <c r="BI99" s="1233"/>
      <c r="BJ99" s="1233"/>
      <c r="BK99" s="1233"/>
      <c r="BL99" s="1233"/>
      <c r="BM99" s="1233"/>
      <c r="BN99" s="1233"/>
      <c r="BO99" s="1233"/>
      <c r="BP99" s="1233"/>
      <c r="BQ99" s="1233"/>
      <c r="BR99" s="1233"/>
      <c r="BS99" s="1233"/>
      <c r="BT99" s="1233"/>
      <c r="BU99" s="1233"/>
      <c r="BV99" s="1233"/>
      <c r="BW99" s="1233"/>
      <c r="BX99" s="1233"/>
      <c r="BY99" s="1233"/>
      <c r="BZ99" s="1233"/>
      <c r="CA99" s="1233"/>
      <c r="CB99" s="1233"/>
      <c r="CC99" s="1402"/>
    </row>
    <row r="100" spans="1:81" ht="7.5" customHeight="1">
      <c r="A100" s="22"/>
      <c r="B100" s="22"/>
      <c r="AO100" s="881"/>
      <c r="AR100" s="1443" t="s">
        <v>118</v>
      </c>
      <c r="AS100" s="1444"/>
      <c r="AT100" s="1444"/>
      <c r="AU100" s="1444"/>
      <c r="AV100" s="1444"/>
      <c r="AW100" s="1444"/>
      <c r="AX100" s="1444"/>
      <c r="AY100" s="1444"/>
      <c r="AZ100" s="1444"/>
      <c r="BA100" s="1444"/>
      <c r="BB100" s="1444"/>
      <c r="BC100" s="1444"/>
      <c r="BD100" s="1444"/>
      <c r="BE100" s="1444"/>
      <c r="BF100" s="1444"/>
      <c r="BG100" s="1444"/>
      <c r="BH100" s="1444"/>
      <c r="BI100" s="1444"/>
      <c r="BJ100" s="1444"/>
      <c r="BK100" s="1444"/>
      <c r="BL100" s="1444"/>
      <c r="BM100" s="1444"/>
      <c r="BN100" s="1444"/>
      <c r="BO100" s="1444"/>
      <c r="BP100" s="1444"/>
      <c r="BQ100" s="1444"/>
      <c r="BR100" s="1444"/>
      <c r="BS100" s="1444"/>
      <c r="BT100" s="1444"/>
      <c r="BU100" s="1444"/>
      <c r="BV100" s="1444"/>
      <c r="BW100" s="1444"/>
      <c r="BX100" s="1444"/>
      <c r="BY100" s="1444"/>
      <c r="BZ100" s="1444"/>
      <c r="CA100" s="1444"/>
      <c r="CB100" s="1444"/>
      <c r="CC100" s="1445"/>
    </row>
    <row r="101" spans="1:81" ht="7.5" customHeight="1">
      <c r="A101" s="22"/>
      <c r="B101" s="22"/>
      <c r="AO101" s="881"/>
      <c r="AP101" s="22"/>
      <c r="AQ101" s="22"/>
      <c r="AR101" s="1446"/>
      <c r="AS101" s="1447"/>
      <c r="AT101" s="1447"/>
      <c r="AU101" s="1447"/>
      <c r="AV101" s="1447"/>
      <c r="AW101" s="1447"/>
      <c r="AX101" s="1447"/>
      <c r="AY101" s="1447"/>
      <c r="AZ101" s="1447"/>
      <c r="BA101" s="1447"/>
      <c r="BB101" s="1447"/>
      <c r="BC101" s="1447"/>
      <c r="BD101" s="1447"/>
      <c r="BE101" s="1447"/>
      <c r="BF101" s="1447"/>
      <c r="BG101" s="1447"/>
      <c r="BH101" s="1447"/>
      <c r="BI101" s="1447"/>
      <c r="BJ101" s="1447"/>
      <c r="BK101" s="1447"/>
      <c r="BL101" s="1447"/>
      <c r="BM101" s="1447"/>
      <c r="BN101" s="1447"/>
      <c r="BO101" s="1447"/>
      <c r="BP101" s="1447"/>
      <c r="BQ101" s="1447"/>
      <c r="BR101" s="1447"/>
      <c r="BS101" s="1447"/>
      <c r="BT101" s="1447"/>
      <c r="BU101" s="1447"/>
      <c r="BV101" s="1447"/>
      <c r="BW101" s="1447"/>
      <c r="BX101" s="1447"/>
      <c r="BY101" s="1447"/>
      <c r="BZ101" s="1447"/>
      <c r="CA101" s="1447"/>
      <c r="CB101" s="1447"/>
      <c r="CC101" s="1448"/>
    </row>
    <row r="102" spans="1:81" ht="7.5" customHeight="1">
      <c r="A102" s="22"/>
      <c r="B102" s="22"/>
      <c r="AO102" s="118"/>
      <c r="AP102" s="22"/>
      <c r="AQ102" s="22"/>
      <c r="AR102" s="535"/>
      <c r="AS102" s="535"/>
      <c r="AT102" s="535"/>
      <c r="AU102" s="535"/>
      <c r="AV102" s="535"/>
      <c r="AW102" s="535"/>
      <c r="AX102" s="535"/>
      <c r="AY102" s="535"/>
      <c r="AZ102" s="535"/>
      <c r="BA102" s="535"/>
      <c r="BB102" s="535"/>
      <c r="BC102" s="535"/>
      <c r="BD102" s="535"/>
      <c r="BE102" s="535"/>
      <c r="BF102" s="535"/>
      <c r="BG102" s="535"/>
      <c r="BH102" s="535"/>
      <c r="BI102" s="535"/>
      <c r="BJ102" s="535"/>
      <c r="BK102" s="535"/>
      <c r="BL102" s="535"/>
      <c r="BM102" s="535"/>
      <c r="BN102" s="535"/>
      <c r="BO102" s="535"/>
      <c r="BP102" s="535"/>
      <c r="BQ102" s="535"/>
      <c r="BR102" s="535"/>
      <c r="BS102" s="535"/>
      <c r="BT102" s="535"/>
      <c r="BU102" s="535"/>
      <c r="BV102" s="535"/>
      <c r="BW102" s="535"/>
      <c r="BX102" s="535"/>
      <c r="BY102" s="535"/>
      <c r="BZ102" s="535"/>
      <c r="CA102" s="535"/>
      <c r="CB102" s="535"/>
      <c r="CC102" s="535"/>
    </row>
    <row r="103" spans="1:81" ht="7.5" customHeight="1">
      <c r="A103" s="22"/>
      <c r="B103" s="22"/>
      <c r="C103" s="22"/>
      <c r="D103" s="22"/>
      <c r="E103" s="22"/>
      <c r="F103" s="22"/>
      <c r="G103" s="22"/>
      <c r="H103" s="22"/>
      <c r="I103" s="22"/>
      <c r="J103" s="22"/>
      <c r="K103" s="22"/>
      <c r="L103" s="22"/>
      <c r="M103" s="22"/>
      <c r="N103" s="22"/>
      <c r="O103" s="22"/>
      <c r="P103" s="22"/>
      <c r="Q103" s="22"/>
      <c r="R103" s="22"/>
      <c r="S103" s="22"/>
      <c r="T103" s="22"/>
      <c r="U103" s="22"/>
      <c r="V103" s="22"/>
      <c r="W103" s="22"/>
      <c r="X103" s="22"/>
      <c r="Y103" s="22"/>
      <c r="Z103" s="22"/>
      <c r="AA103" s="22"/>
      <c r="AB103" s="22"/>
      <c r="AC103" s="22"/>
      <c r="AD103" s="22"/>
      <c r="AE103" s="22"/>
      <c r="AF103" s="22"/>
      <c r="AG103" s="22"/>
      <c r="AH103" s="22"/>
      <c r="AI103" s="22"/>
      <c r="AJ103" s="22"/>
      <c r="AK103" s="22"/>
      <c r="AL103" s="22"/>
      <c r="AM103" s="22"/>
      <c r="AN103" s="22"/>
      <c r="AO103" s="22"/>
      <c r="AP103" s="22"/>
      <c r="AQ103" s="22"/>
      <c r="AR103" s="22"/>
      <c r="AS103" s="22"/>
      <c r="AT103" s="22"/>
      <c r="AU103" s="22"/>
      <c r="AV103" s="22"/>
      <c r="AW103" s="22"/>
      <c r="AX103" s="22"/>
      <c r="AY103" s="22"/>
      <c r="AZ103" s="22"/>
      <c r="BA103" s="22"/>
      <c r="BB103" s="22"/>
      <c r="BC103" s="22"/>
      <c r="BD103" s="22"/>
      <c r="BE103" s="22"/>
      <c r="BF103" s="22"/>
      <c r="BG103" s="22"/>
      <c r="BH103" s="22"/>
      <c r="BI103" s="22"/>
      <c r="BJ103" s="22"/>
      <c r="BK103" s="22"/>
      <c r="BL103" s="22"/>
      <c r="BM103" s="22"/>
      <c r="BN103" s="22"/>
      <c r="BO103" s="22"/>
      <c r="BP103" s="22"/>
      <c r="BQ103" s="22"/>
      <c r="BR103" s="22"/>
      <c r="BS103" s="22"/>
      <c r="BT103" s="22"/>
      <c r="BU103" s="22"/>
      <c r="BV103" s="22"/>
      <c r="BW103" s="22"/>
      <c r="BX103" s="22"/>
      <c r="BY103" s="22"/>
      <c r="BZ103" s="22"/>
      <c r="CA103" s="22"/>
      <c r="CB103" s="22"/>
      <c r="CC103" s="22"/>
    </row>
    <row r="104" spans="1:81" ht="7.5" customHeight="1">
      <c r="A104" s="22"/>
      <c r="B104" s="22"/>
      <c r="C104" s="22"/>
      <c r="D104" s="22"/>
      <c r="E104" s="22"/>
      <c r="F104" s="22"/>
      <c r="G104" s="22"/>
      <c r="H104" s="22"/>
      <c r="I104" s="22"/>
      <c r="J104" s="22"/>
      <c r="K104" s="22"/>
      <c r="L104" s="22"/>
      <c r="M104" s="22"/>
      <c r="N104" s="22"/>
      <c r="O104" s="22"/>
      <c r="P104" s="22"/>
      <c r="Q104" s="22"/>
      <c r="R104" s="22"/>
      <c r="S104" s="22"/>
      <c r="T104" s="22"/>
      <c r="U104" s="22"/>
      <c r="V104" s="22"/>
      <c r="W104" s="22"/>
      <c r="X104" s="22"/>
      <c r="Y104" s="22"/>
      <c r="Z104" s="22"/>
      <c r="AA104" s="22"/>
      <c r="AB104" s="22"/>
      <c r="AC104" s="22"/>
      <c r="AD104" s="22"/>
      <c r="AE104" s="22"/>
      <c r="AF104" s="22"/>
      <c r="AG104" s="22"/>
      <c r="AH104" s="22"/>
      <c r="AI104" s="22"/>
      <c r="AJ104" s="22"/>
      <c r="AK104" s="22"/>
      <c r="AL104" s="22"/>
      <c r="AM104" s="22"/>
      <c r="AN104" s="22"/>
      <c r="AO104" s="22"/>
      <c r="AP104" s="22"/>
      <c r="AQ104" s="22"/>
      <c r="AR104" s="22"/>
      <c r="AS104" s="22"/>
      <c r="AT104" s="22"/>
      <c r="AU104" s="22"/>
      <c r="AV104" s="22"/>
      <c r="AW104" s="22"/>
      <c r="AX104" s="22"/>
      <c r="AY104" s="22"/>
      <c r="AZ104" s="22"/>
      <c r="BA104" s="22"/>
      <c r="BB104" s="22"/>
      <c r="BC104" s="22"/>
      <c r="BD104" s="22"/>
      <c r="BE104" s="22"/>
      <c r="BF104" s="22"/>
      <c r="BG104" s="22"/>
      <c r="BH104" s="22"/>
      <c r="BI104" s="22"/>
      <c r="BJ104" s="22"/>
      <c r="BK104" s="22"/>
      <c r="BL104" s="22"/>
      <c r="BM104" s="22"/>
      <c r="BN104" s="22"/>
      <c r="BO104" s="22"/>
      <c r="BP104" s="22"/>
      <c r="BQ104" s="22"/>
      <c r="BR104" s="22"/>
      <c r="BS104" s="22"/>
      <c r="BT104" s="22"/>
      <c r="BU104" s="22"/>
      <c r="BV104" s="22"/>
      <c r="BW104" s="22"/>
      <c r="BX104" s="22"/>
      <c r="BY104" s="22"/>
      <c r="BZ104" s="22"/>
      <c r="CA104" s="22"/>
      <c r="CB104" s="22"/>
      <c r="CC104" s="22"/>
    </row>
    <row r="105" spans="1:81" ht="7.5" customHeight="1">
      <c r="A105" s="22"/>
      <c r="B105" s="22"/>
      <c r="C105" s="22"/>
      <c r="D105" s="22"/>
      <c r="E105" s="22"/>
      <c r="F105" s="22"/>
      <c r="G105" s="22"/>
      <c r="H105" s="22"/>
      <c r="I105" s="22"/>
      <c r="J105" s="22"/>
      <c r="K105" s="22"/>
      <c r="L105" s="22"/>
      <c r="M105" s="22"/>
      <c r="N105" s="22"/>
      <c r="O105" s="22"/>
      <c r="P105" s="22"/>
      <c r="Q105" s="22"/>
      <c r="R105" s="22"/>
      <c r="S105" s="22"/>
      <c r="T105" s="22"/>
      <c r="U105" s="22"/>
      <c r="V105" s="22"/>
      <c r="W105" s="22"/>
      <c r="X105" s="22"/>
      <c r="Y105" s="22"/>
      <c r="Z105" s="22"/>
      <c r="AA105" s="22"/>
      <c r="AB105" s="22"/>
      <c r="AC105" s="22"/>
      <c r="AD105" s="22"/>
      <c r="AE105" s="22"/>
      <c r="AF105" s="22"/>
      <c r="AG105" s="22"/>
      <c r="AH105" s="22"/>
      <c r="AI105" s="22"/>
      <c r="AJ105" s="22"/>
      <c r="AK105" s="22"/>
      <c r="AL105" s="22"/>
      <c r="AM105" s="22"/>
      <c r="AN105" s="22"/>
      <c r="AO105" s="22"/>
      <c r="AP105" s="22"/>
      <c r="AQ105" s="22"/>
      <c r="AR105" s="22"/>
      <c r="AS105" s="22"/>
      <c r="AT105" s="22"/>
      <c r="AU105" s="22"/>
      <c r="AV105" s="22"/>
      <c r="AW105" s="22"/>
      <c r="AX105" s="22"/>
      <c r="AY105" s="22"/>
      <c r="AZ105" s="22"/>
      <c r="BA105" s="22"/>
      <c r="BB105" s="22"/>
      <c r="BC105" s="22"/>
      <c r="BD105" s="22"/>
      <c r="BE105" s="22"/>
      <c r="BF105" s="22"/>
      <c r="BG105" s="22"/>
      <c r="BH105" s="22"/>
      <c r="BI105" s="22"/>
      <c r="BJ105" s="22"/>
      <c r="BK105" s="22"/>
      <c r="BL105" s="22"/>
      <c r="BM105" s="22"/>
      <c r="BN105" s="22"/>
      <c r="BO105" s="22"/>
      <c r="BP105" s="22"/>
      <c r="BQ105" s="22"/>
      <c r="BR105" s="22"/>
      <c r="BS105" s="22"/>
      <c r="BT105" s="22"/>
      <c r="BU105" s="22"/>
      <c r="BV105" s="22"/>
      <c r="BW105" s="22"/>
      <c r="BX105" s="22"/>
      <c r="BY105" s="22"/>
      <c r="BZ105" s="22"/>
      <c r="CA105" s="22"/>
      <c r="CB105" s="22"/>
      <c r="CC105" s="22"/>
    </row>
    <row r="106" spans="1:81" ht="7.5" customHeight="1">
      <c r="A106" s="22"/>
      <c r="B106" s="22"/>
      <c r="C106" s="22"/>
      <c r="D106" s="22"/>
      <c r="E106" s="22"/>
      <c r="F106" s="22"/>
      <c r="G106" s="22"/>
      <c r="H106" s="22"/>
      <c r="I106" s="22"/>
      <c r="J106" s="22"/>
      <c r="K106" s="22"/>
      <c r="L106" s="22"/>
      <c r="M106" s="22"/>
      <c r="N106" s="22"/>
      <c r="O106" s="22"/>
      <c r="P106" s="22"/>
      <c r="Q106" s="22"/>
      <c r="R106" s="22"/>
      <c r="S106" s="22"/>
      <c r="T106" s="22"/>
      <c r="U106" s="22"/>
      <c r="V106" s="22"/>
      <c r="W106" s="22"/>
      <c r="X106" s="22"/>
      <c r="Y106" s="22"/>
      <c r="Z106" s="22"/>
      <c r="AA106" s="22"/>
      <c r="AB106" s="22"/>
      <c r="AC106" s="22"/>
      <c r="AD106" s="22"/>
      <c r="AE106" s="22"/>
      <c r="AF106" s="22"/>
      <c r="AG106" s="22"/>
      <c r="AH106" s="22"/>
      <c r="AI106" s="22"/>
      <c r="AJ106" s="22"/>
      <c r="AK106" s="22"/>
      <c r="AL106" s="22"/>
      <c r="AM106" s="22"/>
      <c r="AN106" s="22"/>
      <c r="AO106" s="22"/>
      <c r="AP106" s="22"/>
      <c r="AQ106" s="22"/>
      <c r="AR106" s="22"/>
      <c r="AS106" s="22"/>
      <c r="AT106" s="22"/>
      <c r="AU106" s="22"/>
      <c r="AV106" s="22"/>
      <c r="AW106" s="22"/>
      <c r="AX106" s="22"/>
      <c r="AY106" s="22"/>
      <c r="AZ106" s="22"/>
      <c r="BA106" s="22"/>
      <c r="BB106" s="22"/>
      <c r="BC106" s="22"/>
      <c r="BD106" s="22"/>
      <c r="BE106" s="22"/>
      <c r="BF106" s="22"/>
      <c r="BG106" s="22"/>
      <c r="BH106" s="22"/>
      <c r="BI106" s="22"/>
      <c r="BJ106" s="22"/>
      <c r="BK106" s="22"/>
      <c r="BL106" s="22"/>
      <c r="BM106" s="22"/>
      <c r="BN106" s="22"/>
      <c r="BO106" s="22"/>
      <c r="BP106" s="22"/>
      <c r="BQ106" s="22"/>
      <c r="BR106" s="22"/>
      <c r="BS106" s="22"/>
      <c r="BT106" s="22"/>
      <c r="BU106" s="22"/>
      <c r="BV106" s="22"/>
      <c r="BW106" s="22"/>
      <c r="BX106" s="22"/>
      <c r="BY106" s="22"/>
      <c r="BZ106" s="22"/>
      <c r="CA106" s="22"/>
      <c r="CB106" s="22"/>
      <c r="CC106" s="22"/>
    </row>
    <row r="107" spans="1:81" ht="7.5" customHeight="1">
      <c r="A107" s="22"/>
      <c r="B107" s="22"/>
      <c r="C107" s="22"/>
      <c r="D107" s="22"/>
      <c r="E107" s="22"/>
      <c r="F107" s="22"/>
      <c r="G107" s="22"/>
      <c r="H107" s="22"/>
      <c r="I107" s="22"/>
      <c r="J107" s="22"/>
      <c r="K107" s="22"/>
      <c r="L107" s="22"/>
      <c r="M107" s="22"/>
      <c r="N107" s="22"/>
      <c r="O107" s="22"/>
      <c r="P107" s="22"/>
      <c r="Q107" s="22"/>
      <c r="R107" s="22"/>
      <c r="S107" s="22"/>
      <c r="T107" s="22"/>
      <c r="U107" s="22"/>
      <c r="V107" s="22"/>
      <c r="W107" s="22"/>
      <c r="X107" s="22"/>
      <c r="Y107" s="22"/>
      <c r="Z107" s="22"/>
      <c r="AA107" s="22"/>
      <c r="AB107" s="22"/>
      <c r="AC107" s="22"/>
      <c r="AD107" s="22"/>
      <c r="AE107" s="22"/>
      <c r="AF107" s="22"/>
      <c r="AG107" s="22"/>
      <c r="AH107" s="22"/>
      <c r="AI107" s="22"/>
      <c r="AJ107" s="22"/>
      <c r="AK107" s="22"/>
      <c r="AL107" s="22"/>
      <c r="AM107" s="22"/>
      <c r="AN107" s="22"/>
      <c r="AO107" s="22"/>
      <c r="AP107" s="22"/>
      <c r="AQ107" s="22"/>
      <c r="AR107" s="22"/>
      <c r="AS107" s="22"/>
      <c r="AT107" s="22"/>
      <c r="AU107" s="22"/>
      <c r="AV107" s="22"/>
      <c r="AW107" s="22"/>
      <c r="AX107" s="22"/>
      <c r="AY107" s="22"/>
      <c r="AZ107" s="22"/>
      <c r="BA107" s="22"/>
      <c r="BB107" s="22"/>
      <c r="BC107" s="22"/>
      <c r="BD107" s="22"/>
      <c r="BE107" s="22"/>
      <c r="BF107" s="22"/>
      <c r="BG107" s="22"/>
      <c r="BH107" s="22"/>
      <c r="BI107" s="22"/>
      <c r="BJ107" s="22"/>
      <c r="BK107" s="22"/>
      <c r="BL107" s="22"/>
      <c r="BM107" s="22"/>
      <c r="BN107" s="22"/>
      <c r="BO107" s="22"/>
      <c r="BP107" s="22"/>
      <c r="BQ107" s="22"/>
      <c r="BR107" s="22"/>
      <c r="BS107" s="22"/>
      <c r="BT107" s="22"/>
      <c r="BU107" s="22"/>
      <c r="BV107" s="22"/>
      <c r="BW107" s="22"/>
      <c r="BX107" s="22"/>
      <c r="BY107" s="22"/>
      <c r="BZ107" s="22"/>
      <c r="CA107" s="22"/>
      <c r="CB107" s="22"/>
      <c r="CC107" s="22"/>
    </row>
    <row r="108" spans="1:81" ht="7.5" customHeight="1">
      <c r="A108" s="22"/>
      <c r="B108" s="22"/>
      <c r="C108" s="22"/>
      <c r="D108" s="22"/>
      <c r="E108" s="22"/>
      <c r="F108" s="22"/>
      <c r="G108" s="22"/>
      <c r="H108" s="22"/>
      <c r="I108" s="22"/>
      <c r="J108" s="22"/>
      <c r="K108" s="22"/>
      <c r="L108" s="22"/>
      <c r="M108" s="22"/>
      <c r="N108" s="22"/>
      <c r="O108" s="22"/>
      <c r="P108" s="22"/>
      <c r="Q108" s="22"/>
      <c r="R108" s="22"/>
      <c r="S108" s="22"/>
      <c r="T108" s="22"/>
      <c r="U108" s="22"/>
      <c r="V108" s="22"/>
      <c r="W108" s="22"/>
      <c r="X108" s="22"/>
      <c r="Y108" s="22"/>
      <c r="Z108" s="22"/>
      <c r="AA108" s="22"/>
      <c r="AB108" s="22"/>
      <c r="AC108" s="22"/>
      <c r="AD108" s="22"/>
      <c r="AE108" s="22"/>
      <c r="AF108" s="22"/>
      <c r="AG108" s="22"/>
      <c r="AH108" s="22"/>
      <c r="AI108" s="22"/>
      <c r="AJ108" s="22"/>
      <c r="AK108" s="22"/>
      <c r="AL108" s="22"/>
      <c r="AM108" s="22"/>
      <c r="AN108" s="22"/>
      <c r="AO108" s="22"/>
      <c r="AP108" s="22"/>
      <c r="AQ108" s="22"/>
      <c r="AR108" s="22"/>
      <c r="AS108" s="22"/>
      <c r="AT108" s="22"/>
      <c r="AU108" s="22"/>
      <c r="AV108" s="22"/>
      <c r="AW108" s="22"/>
      <c r="AX108" s="22"/>
      <c r="AY108" s="22"/>
      <c r="AZ108" s="22"/>
      <c r="BA108" s="22"/>
      <c r="BB108" s="22"/>
      <c r="BC108" s="22"/>
      <c r="BD108" s="22"/>
      <c r="BE108" s="22"/>
      <c r="BF108" s="22"/>
      <c r="BG108" s="22"/>
      <c r="BH108" s="22"/>
      <c r="BI108" s="22"/>
      <c r="BJ108" s="22"/>
      <c r="BK108" s="22"/>
      <c r="BL108" s="22"/>
      <c r="BM108" s="22"/>
      <c r="BN108" s="22"/>
      <c r="BO108" s="22"/>
      <c r="BP108" s="22"/>
      <c r="BQ108" s="22"/>
      <c r="BR108" s="22"/>
      <c r="BS108" s="22"/>
      <c r="BT108" s="22"/>
      <c r="BU108" s="22"/>
      <c r="BV108" s="22"/>
      <c r="BW108" s="22"/>
      <c r="BX108" s="22"/>
      <c r="BY108" s="22"/>
      <c r="BZ108" s="22"/>
      <c r="CA108" s="22"/>
      <c r="CB108" s="22"/>
      <c r="CC108" s="22"/>
    </row>
    <row r="109" spans="1:81" ht="7.5" customHeight="1">
      <c r="A109" s="22"/>
      <c r="B109" s="22"/>
      <c r="C109" s="22"/>
      <c r="D109" s="22"/>
      <c r="E109" s="22"/>
      <c r="F109" s="22"/>
      <c r="G109" s="22"/>
      <c r="H109" s="22"/>
      <c r="I109" s="22"/>
      <c r="J109" s="22"/>
      <c r="K109" s="22"/>
      <c r="L109" s="22"/>
      <c r="M109" s="22"/>
      <c r="N109" s="22"/>
      <c r="O109" s="22"/>
      <c r="P109" s="22"/>
      <c r="Q109" s="22"/>
      <c r="R109" s="22"/>
      <c r="S109" s="22"/>
      <c r="T109" s="22"/>
      <c r="U109" s="22"/>
      <c r="V109" s="22"/>
      <c r="W109" s="22"/>
      <c r="X109" s="22"/>
      <c r="Y109" s="22"/>
      <c r="Z109" s="22"/>
      <c r="AA109" s="22"/>
      <c r="AB109" s="22"/>
      <c r="AC109" s="22"/>
      <c r="AD109" s="22"/>
      <c r="AE109" s="22"/>
      <c r="AF109" s="22"/>
      <c r="AG109" s="22"/>
      <c r="AH109" s="22"/>
      <c r="AI109" s="22"/>
      <c r="AJ109" s="22"/>
      <c r="AK109" s="22"/>
      <c r="AL109" s="22"/>
      <c r="AM109" s="22"/>
      <c r="AN109" s="22"/>
      <c r="AP109" s="22"/>
      <c r="AQ109" s="22"/>
      <c r="AR109" s="22"/>
      <c r="AS109" s="22"/>
      <c r="AT109" s="22"/>
      <c r="AU109" s="22"/>
      <c r="AV109" s="22"/>
      <c r="AW109" s="22"/>
      <c r="AX109" s="22"/>
      <c r="AY109" s="22"/>
      <c r="AZ109" s="22"/>
      <c r="BA109" s="22"/>
      <c r="BB109" s="22"/>
      <c r="BC109" s="22"/>
      <c r="BD109" s="22"/>
      <c r="BE109" s="22"/>
      <c r="BF109" s="22"/>
      <c r="BG109" s="22"/>
      <c r="BH109" s="22"/>
      <c r="BI109" s="22"/>
      <c r="BJ109" s="22"/>
      <c r="BK109" s="22"/>
      <c r="BL109" s="22"/>
      <c r="BM109" s="22"/>
      <c r="BN109" s="22"/>
      <c r="BO109" s="22"/>
      <c r="BP109" s="22"/>
      <c r="BQ109" s="22"/>
      <c r="BR109" s="22"/>
      <c r="BS109" s="22"/>
      <c r="BT109" s="22"/>
      <c r="BU109" s="22"/>
      <c r="BV109" s="22"/>
      <c r="BW109" s="22"/>
      <c r="BX109" s="22"/>
      <c r="BY109" s="22"/>
      <c r="BZ109" s="22"/>
      <c r="CA109" s="22"/>
      <c r="CB109" s="22"/>
      <c r="CC109" s="22"/>
    </row>
    <row r="110" spans="1:81" ht="7.5" customHeight="1">
      <c r="A110" s="22"/>
      <c r="B110" s="22"/>
      <c r="C110" s="22"/>
      <c r="D110" s="22"/>
      <c r="E110" s="22"/>
      <c r="F110" s="22"/>
      <c r="G110" s="22"/>
      <c r="H110" s="22"/>
      <c r="I110" s="22"/>
      <c r="J110" s="22"/>
      <c r="K110" s="22"/>
      <c r="L110" s="22"/>
      <c r="M110" s="22"/>
      <c r="N110" s="22"/>
      <c r="O110" s="22"/>
      <c r="P110" s="22"/>
      <c r="Q110" s="22"/>
      <c r="R110" s="22"/>
      <c r="S110" s="22"/>
      <c r="T110" s="22"/>
      <c r="U110" s="22"/>
      <c r="V110" s="22"/>
      <c r="W110" s="22"/>
      <c r="X110" s="22"/>
      <c r="Y110" s="22"/>
      <c r="Z110" s="22"/>
      <c r="AA110" s="22"/>
      <c r="AB110" s="22"/>
      <c r="AC110" s="22"/>
      <c r="AD110" s="22"/>
      <c r="AE110" s="22"/>
      <c r="AF110" s="22"/>
      <c r="AG110" s="22"/>
      <c r="AH110" s="22"/>
      <c r="AI110" s="22"/>
      <c r="AJ110" s="22"/>
      <c r="AK110" s="22"/>
      <c r="AL110" s="22"/>
      <c r="AM110" s="22"/>
      <c r="AN110" s="22"/>
      <c r="AP110" s="22"/>
      <c r="AQ110" s="22"/>
      <c r="AR110" s="22"/>
      <c r="AS110" s="22"/>
      <c r="AT110" s="22"/>
      <c r="AU110" s="22"/>
      <c r="AV110" s="22"/>
      <c r="AW110" s="22"/>
      <c r="AX110" s="22"/>
      <c r="AY110" s="22"/>
      <c r="AZ110" s="22"/>
      <c r="BA110" s="22"/>
      <c r="BB110" s="22"/>
      <c r="BC110" s="22"/>
      <c r="BD110" s="22"/>
      <c r="BE110" s="22"/>
      <c r="BF110" s="22"/>
      <c r="BG110" s="22"/>
      <c r="BH110" s="22"/>
      <c r="BI110" s="22"/>
      <c r="BJ110" s="22"/>
      <c r="BK110" s="22"/>
      <c r="BL110" s="22"/>
      <c r="BM110" s="22"/>
      <c r="BN110" s="22"/>
      <c r="BO110" s="22"/>
      <c r="BP110" s="22"/>
      <c r="BQ110" s="22"/>
      <c r="BR110" s="22"/>
      <c r="BS110" s="22"/>
      <c r="BT110" s="22"/>
      <c r="BU110" s="22"/>
      <c r="BV110" s="22"/>
      <c r="BW110" s="22"/>
      <c r="BX110" s="22"/>
      <c r="BY110" s="22"/>
      <c r="BZ110" s="22"/>
      <c r="CA110" s="22"/>
      <c r="CB110" s="22"/>
      <c r="CC110" s="22"/>
    </row>
    <row r="111" spans="1:81" ht="7.5" customHeight="1">
      <c r="C111" s="22"/>
      <c r="D111" s="22"/>
      <c r="E111" s="22"/>
      <c r="F111" s="22"/>
      <c r="G111" s="22"/>
      <c r="H111" s="22"/>
      <c r="I111" s="22"/>
      <c r="J111" s="22"/>
      <c r="K111" s="22"/>
      <c r="L111" s="22"/>
      <c r="M111" s="22"/>
      <c r="N111" s="22"/>
      <c r="O111" s="22"/>
      <c r="P111" s="22"/>
      <c r="Q111" s="22"/>
      <c r="R111" s="22"/>
      <c r="S111" s="22"/>
      <c r="T111" s="22"/>
      <c r="U111" s="22"/>
      <c r="V111" s="22"/>
      <c r="W111" s="22"/>
      <c r="X111" s="22"/>
      <c r="Y111" s="22"/>
      <c r="Z111" s="22"/>
      <c r="AA111" s="22"/>
      <c r="AB111" s="22"/>
      <c r="AC111" s="22"/>
      <c r="AD111" s="22"/>
      <c r="AE111" s="22"/>
      <c r="AF111" s="22"/>
      <c r="AG111" s="22"/>
      <c r="AH111" s="22"/>
      <c r="AI111" s="22"/>
      <c r="AJ111" s="22"/>
      <c r="AK111" s="22"/>
      <c r="AL111" s="22"/>
      <c r="AM111" s="22"/>
      <c r="AN111" s="22"/>
      <c r="AP111" s="22"/>
      <c r="AQ111" s="22"/>
      <c r="AR111" s="22"/>
      <c r="AS111" s="22"/>
      <c r="AT111" s="22"/>
      <c r="AU111" s="22"/>
      <c r="AV111" s="22"/>
      <c r="AW111" s="22"/>
      <c r="AX111" s="22"/>
      <c r="AY111" s="22"/>
      <c r="AZ111" s="22"/>
      <c r="BA111" s="22"/>
      <c r="BB111" s="22"/>
      <c r="BC111" s="22"/>
      <c r="BD111" s="22"/>
      <c r="BE111" s="22"/>
      <c r="BF111" s="22"/>
      <c r="BG111" s="22"/>
      <c r="BH111" s="22"/>
      <c r="BI111" s="22"/>
      <c r="BJ111" s="22"/>
      <c r="BK111" s="22"/>
      <c r="BL111" s="22"/>
      <c r="BM111" s="22"/>
      <c r="BN111" s="22"/>
      <c r="BO111" s="22"/>
      <c r="BP111" s="22"/>
      <c r="BQ111" s="22"/>
      <c r="BR111" s="22"/>
      <c r="BS111" s="22"/>
      <c r="BT111" s="22"/>
      <c r="BU111" s="22"/>
      <c r="BV111" s="22"/>
      <c r="BW111" s="22"/>
      <c r="BX111" s="22"/>
      <c r="BY111" s="22"/>
      <c r="BZ111" s="22"/>
      <c r="CA111" s="22"/>
      <c r="CB111" s="22"/>
      <c r="CC111" s="22"/>
    </row>
    <row r="112" spans="1:81" ht="7.5" customHeight="1">
      <c r="C112" s="22"/>
      <c r="D112" s="22"/>
      <c r="E112" s="22"/>
      <c r="F112" s="22"/>
      <c r="G112" s="22"/>
      <c r="H112" s="22"/>
      <c r="I112" s="22"/>
      <c r="J112" s="22"/>
      <c r="K112" s="22"/>
      <c r="L112" s="22"/>
      <c r="M112" s="22"/>
      <c r="N112" s="22"/>
      <c r="O112" s="22"/>
      <c r="P112" s="22"/>
      <c r="Q112" s="22"/>
      <c r="R112" s="22"/>
      <c r="S112" s="22"/>
      <c r="T112" s="22"/>
      <c r="U112" s="22"/>
      <c r="V112" s="22"/>
      <c r="W112" s="22"/>
      <c r="X112" s="22"/>
      <c r="Y112" s="22"/>
      <c r="Z112" s="22"/>
      <c r="AA112" s="22"/>
      <c r="AB112" s="22"/>
      <c r="AC112" s="22"/>
      <c r="AD112" s="22"/>
      <c r="AE112" s="22"/>
      <c r="AF112" s="22"/>
      <c r="AG112" s="22"/>
      <c r="AH112" s="22"/>
      <c r="AI112" s="22"/>
      <c r="AJ112" s="22"/>
      <c r="AK112" s="22"/>
      <c r="AL112" s="22"/>
      <c r="AM112" s="22"/>
      <c r="AN112" s="22"/>
      <c r="AR112" s="22"/>
      <c r="AS112" s="22"/>
      <c r="AT112" s="22"/>
      <c r="AU112" s="22"/>
      <c r="AV112" s="22"/>
      <c r="AW112" s="22"/>
      <c r="AX112" s="22"/>
      <c r="AY112" s="22"/>
      <c r="AZ112" s="22"/>
      <c r="BA112" s="22"/>
      <c r="BB112" s="22"/>
      <c r="BC112" s="22"/>
      <c r="BD112" s="22"/>
      <c r="BE112" s="22"/>
      <c r="BF112" s="22"/>
      <c r="BG112" s="22"/>
      <c r="BH112" s="22"/>
      <c r="BI112" s="22"/>
      <c r="BJ112" s="22"/>
      <c r="BK112" s="22"/>
      <c r="BL112" s="22"/>
      <c r="BM112" s="22"/>
      <c r="BN112" s="22"/>
      <c r="BO112" s="22"/>
      <c r="BP112" s="22"/>
      <c r="BQ112" s="22"/>
      <c r="BR112" s="22"/>
      <c r="BS112" s="22"/>
      <c r="BT112" s="22"/>
      <c r="BU112" s="22"/>
      <c r="BV112" s="22"/>
      <c r="BW112" s="22"/>
      <c r="BX112" s="22"/>
      <c r="BY112" s="22"/>
      <c r="BZ112" s="22"/>
      <c r="CA112" s="22"/>
      <c r="CB112" s="22"/>
      <c r="CC112" s="22"/>
    </row>
    <row r="113" spans="44:81" ht="7.5" customHeight="1">
      <c r="AR113" s="22"/>
      <c r="AS113" s="22"/>
      <c r="AT113" s="22"/>
      <c r="AU113" s="22"/>
      <c r="AV113" s="22"/>
      <c r="AW113" s="22"/>
      <c r="AX113" s="22"/>
      <c r="AY113" s="22"/>
      <c r="AZ113" s="22"/>
      <c r="BA113" s="22"/>
      <c r="BB113" s="22"/>
      <c r="BC113" s="22"/>
      <c r="BD113" s="22"/>
      <c r="BE113" s="22"/>
      <c r="BF113" s="22"/>
      <c r="BG113" s="22"/>
      <c r="BH113" s="22"/>
      <c r="BI113" s="22"/>
      <c r="BJ113" s="22"/>
      <c r="BK113" s="22"/>
      <c r="BL113" s="22"/>
      <c r="BM113" s="22"/>
      <c r="BN113" s="22"/>
      <c r="BO113" s="22"/>
      <c r="BP113" s="22"/>
      <c r="BQ113" s="22"/>
      <c r="BR113" s="22"/>
      <c r="BS113" s="22"/>
      <c r="BT113" s="22"/>
      <c r="BU113" s="22"/>
      <c r="BV113" s="22"/>
      <c r="BW113" s="22"/>
      <c r="BX113" s="22"/>
      <c r="BY113" s="22"/>
      <c r="BZ113" s="22"/>
      <c r="CA113" s="22"/>
      <c r="CB113" s="22"/>
      <c r="CC113" s="22"/>
    </row>
    <row r="114" spans="44:81" ht="7.5" customHeight="1"/>
    <row r="115" spans="44:81" ht="7.5" customHeight="1"/>
    <row r="116" spans="44:81" ht="7.5" customHeight="1"/>
    <row r="117" spans="44:81" ht="7.5" customHeight="1"/>
    <row r="118" spans="44:81" ht="7.5" customHeight="1"/>
    <row r="119" spans="44:81" ht="7.5" customHeight="1"/>
    <row r="120" spans="44:81" ht="7.5" customHeight="1"/>
    <row r="121" spans="44:81" ht="7.5" customHeight="1"/>
    <row r="122" spans="44:81" ht="7.5" customHeight="1"/>
    <row r="123" spans="44:81" ht="7.5" customHeight="1"/>
    <row r="124" spans="44:81" ht="7.5" customHeight="1"/>
    <row r="125" spans="44:81" ht="7.5" customHeight="1"/>
    <row r="126" spans="44:81" ht="7.5" customHeight="1"/>
    <row r="127" spans="44:81" ht="7.5" customHeight="1"/>
    <row r="128" spans="44:81" ht="7.5" customHeight="1"/>
    <row r="129" ht="7.5" customHeight="1"/>
    <row r="130" ht="7.5" customHeight="1"/>
    <row r="131" ht="7.5" customHeight="1"/>
    <row r="132" ht="7.5" customHeight="1"/>
    <row r="133" ht="7.5" customHeight="1"/>
    <row r="134" ht="7.5" customHeight="1"/>
    <row r="135" ht="7.5" customHeight="1"/>
    <row r="136" ht="7.5" customHeight="1"/>
    <row r="137" ht="7.5" customHeight="1"/>
    <row r="138" ht="7.5" customHeight="1"/>
    <row r="139" ht="7.5" customHeight="1"/>
    <row r="140" ht="7.5" customHeight="1"/>
    <row r="141" ht="7.5" customHeight="1"/>
    <row r="142" ht="7.5" customHeight="1"/>
    <row r="143" ht="7.5" customHeight="1"/>
    <row r="144" ht="6" customHeight="1"/>
    <row r="145" ht="6" customHeight="1"/>
    <row r="146" ht="6" customHeight="1"/>
    <row r="147" ht="6" customHeight="1"/>
    <row r="148" ht="6" customHeight="1"/>
    <row r="149" ht="6" customHeight="1"/>
    <row r="150" ht="6" customHeight="1"/>
    <row r="151" ht="9" customHeight="1"/>
    <row r="152" ht="9" customHeight="1"/>
    <row r="153" ht="9" customHeight="1"/>
    <row r="154" ht="9" customHeight="1"/>
    <row r="155" ht="9" customHeight="1"/>
    <row r="156" ht="9" customHeight="1"/>
    <row r="157" ht="9" customHeight="1"/>
    <row r="158" ht="9" customHeight="1"/>
    <row r="159" ht="9" customHeight="1"/>
    <row r="160" ht="9" customHeight="1"/>
    <row r="161" ht="9" customHeight="1"/>
    <row r="162" ht="9" customHeight="1"/>
    <row r="163" ht="9" customHeight="1"/>
    <row r="164" ht="9" customHeight="1"/>
    <row r="165" ht="9" customHeight="1"/>
    <row r="166" ht="9" customHeight="1"/>
    <row r="167" ht="9" customHeight="1"/>
    <row r="168" ht="9" customHeight="1"/>
    <row r="169" ht="9" customHeight="1"/>
    <row r="170" ht="9" customHeight="1"/>
    <row r="171" ht="9" customHeight="1"/>
    <row r="172" ht="9" customHeight="1"/>
    <row r="173" ht="9" customHeight="1"/>
    <row r="174" ht="9" customHeight="1"/>
    <row r="175" ht="9" customHeight="1"/>
    <row r="176" ht="9" customHeight="1"/>
    <row r="177" ht="9" customHeight="1"/>
    <row r="178" ht="9" customHeight="1"/>
    <row r="179" ht="9" customHeight="1"/>
    <row r="180" ht="9" customHeight="1"/>
    <row r="181" ht="9" customHeight="1"/>
    <row r="182" ht="9" customHeight="1"/>
    <row r="183" ht="9" customHeight="1"/>
    <row r="184" ht="9" customHeight="1"/>
    <row r="185" ht="9" customHeight="1"/>
    <row r="186" ht="9" customHeight="1"/>
    <row r="187" ht="9" customHeight="1"/>
    <row r="188" ht="9" customHeight="1"/>
    <row r="189" ht="9" customHeight="1"/>
    <row r="190" ht="9" customHeight="1"/>
    <row r="191" ht="9" customHeight="1"/>
    <row r="192" ht="9" customHeight="1"/>
    <row r="193" ht="9" customHeight="1"/>
    <row r="194" ht="9" customHeight="1"/>
    <row r="195" ht="9" customHeight="1"/>
    <row r="196" ht="9" customHeight="1"/>
    <row r="197" ht="9" customHeight="1"/>
    <row r="198" ht="9" customHeight="1"/>
    <row r="199" ht="9" customHeight="1"/>
    <row r="200" ht="9" customHeight="1"/>
    <row r="201" ht="9" customHeight="1"/>
    <row r="202" ht="9" customHeight="1"/>
    <row r="203" ht="9" customHeight="1"/>
    <row r="204" ht="9" customHeight="1"/>
    <row r="205" ht="9" customHeight="1"/>
    <row r="206" ht="9" customHeight="1"/>
    <row r="207" ht="9" customHeight="1"/>
    <row r="208" ht="9" customHeight="1"/>
    <row r="209" ht="9" customHeight="1"/>
  </sheetData>
  <mergeCells count="265">
    <mergeCell ref="BH2:BQ2"/>
    <mergeCell ref="AX17:AY18"/>
    <mergeCell ref="AN8:AQ10"/>
    <mergeCell ref="AN12:AQ14"/>
    <mergeCell ref="AA6:AQ7"/>
    <mergeCell ref="K68:U69"/>
    <mergeCell ref="AR6:BE7"/>
    <mergeCell ref="AS8:BE10"/>
    <mergeCell ref="AS12:AS14"/>
    <mergeCell ref="BC12:BC14"/>
    <mergeCell ref="C44:AN45"/>
    <mergeCell ref="Z59:AB60"/>
    <mergeCell ref="V61:Y62"/>
    <mergeCell ref="V63:Y64"/>
    <mergeCell ref="V56:Y58"/>
    <mergeCell ref="Z68:AB69"/>
    <mergeCell ref="D68:J73"/>
    <mergeCell ref="V70:Y71"/>
    <mergeCell ref="K61:U62"/>
    <mergeCell ref="K59:U60"/>
    <mergeCell ref="V65:Y67"/>
    <mergeCell ref="AI59:AL64"/>
    <mergeCell ref="L38:O39"/>
    <mergeCell ref="E38:K39"/>
    <mergeCell ref="AC59:AH64"/>
    <mergeCell ref="Z63:AB64"/>
    <mergeCell ref="Z61:AB62"/>
    <mergeCell ref="V59:Y60"/>
    <mergeCell ref="V68:Y69"/>
    <mergeCell ref="D59:J64"/>
    <mergeCell ref="K63:U64"/>
    <mergeCell ref="C95:AN96"/>
    <mergeCell ref="AR22:CC23"/>
    <mergeCell ref="V72:Y73"/>
    <mergeCell ref="Z65:AB67"/>
    <mergeCell ref="Z72:AB73"/>
    <mergeCell ref="AC68:AH73"/>
    <mergeCell ref="AI68:AL73"/>
    <mergeCell ref="AR33:CC34"/>
    <mergeCell ref="AR35:CC36"/>
    <mergeCell ref="AR26:CC27"/>
    <mergeCell ref="AR28:CC29"/>
    <mergeCell ref="K72:U73"/>
    <mergeCell ref="Z70:AB71"/>
    <mergeCell ref="C91:AN92"/>
    <mergeCell ref="C93:AN94"/>
    <mergeCell ref="P86:S87"/>
    <mergeCell ref="L86:O87"/>
    <mergeCell ref="Z2:BE2"/>
    <mergeCell ref="AA8:AC10"/>
    <mergeCell ref="AD8:AE10"/>
    <mergeCell ref="AA12:AC14"/>
    <mergeCell ref="AP20:AQ21"/>
    <mergeCell ref="AX12:AX14"/>
    <mergeCell ref="Z12:Z14"/>
    <mergeCell ref="BE12:BE14"/>
    <mergeCell ref="BD12:BD14"/>
    <mergeCell ref="AR8:AR10"/>
    <mergeCell ref="AH17:AI18"/>
    <mergeCell ref="AY12:AY14"/>
    <mergeCell ref="AP31:AQ32"/>
    <mergeCell ref="AH30:AK31"/>
    <mergeCell ref="AA30:AG31"/>
    <mergeCell ref="W30:Z31"/>
    <mergeCell ref="AB88:AE89"/>
    <mergeCell ref="H88:K89"/>
    <mergeCell ref="D88:G89"/>
    <mergeCell ref="L88:O89"/>
    <mergeCell ref="D82:G83"/>
    <mergeCell ref="P84:S85"/>
    <mergeCell ref="L84:O85"/>
    <mergeCell ref="H84:K85"/>
    <mergeCell ref="D84:G85"/>
    <mergeCell ref="AF84:AI85"/>
    <mergeCell ref="AB84:AE85"/>
    <mergeCell ref="X84:AA85"/>
    <mergeCell ref="H86:K87"/>
    <mergeCell ref="T84:W85"/>
    <mergeCell ref="K70:U71"/>
    <mergeCell ref="K65:U67"/>
    <mergeCell ref="D65:J67"/>
    <mergeCell ref="AC56:AH58"/>
    <mergeCell ref="L30:O31"/>
    <mergeCell ref="E30:K31"/>
    <mergeCell ref="A48:B49"/>
    <mergeCell ref="V54:AL55"/>
    <mergeCell ref="D54:J58"/>
    <mergeCell ref="K54:U58"/>
    <mergeCell ref="AH40:AK41"/>
    <mergeCell ref="C42:AN43"/>
    <mergeCell ref="C50:AN51"/>
    <mergeCell ref="C52:AN53"/>
    <mergeCell ref="L40:O41"/>
    <mergeCell ref="E40:K41"/>
    <mergeCell ref="AI56:AL58"/>
    <mergeCell ref="AA40:AG41"/>
    <mergeCell ref="W40:Z41"/>
    <mergeCell ref="Z56:AB58"/>
    <mergeCell ref="L32:O33"/>
    <mergeCell ref="L36:O37"/>
    <mergeCell ref="P38:V39"/>
    <mergeCell ref="P32:V33"/>
    <mergeCell ref="P40:V41"/>
    <mergeCell ref="A23:B24"/>
    <mergeCell ref="C26:AN27"/>
    <mergeCell ref="A26:B27"/>
    <mergeCell ref="AH28:AK29"/>
    <mergeCell ref="AA28:AG29"/>
    <mergeCell ref="W28:Z29"/>
    <mergeCell ref="P28:V29"/>
    <mergeCell ref="L28:O29"/>
    <mergeCell ref="E28:K29"/>
    <mergeCell ref="AH38:AK39"/>
    <mergeCell ref="AA38:AG39"/>
    <mergeCell ref="E34:K35"/>
    <mergeCell ref="AH32:AK33"/>
    <mergeCell ref="W38:Z39"/>
    <mergeCell ref="AA34:AG35"/>
    <mergeCell ref="L34:O35"/>
    <mergeCell ref="P36:V37"/>
    <mergeCell ref="AH36:AK37"/>
    <mergeCell ref="CB11:CC11"/>
    <mergeCell ref="BS12:BS14"/>
    <mergeCell ref="AR12:AR14"/>
    <mergeCell ref="AW12:AW14"/>
    <mergeCell ref="BI8:BI10"/>
    <mergeCell ref="BH11:BI11"/>
    <mergeCell ref="BL9:BR10"/>
    <mergeCell ref="BK8:BK10"/>
    <mergeCell ref="A20:B21"/>
    <mergeCell ref="AE12:AE14"/>
    <mergeCell ref="AD12:AD14"/>
    <mergeCell ref="BJ12:BK14"/>
    <mergeCell ref="AR20:CC21"/>
    <mergeCell ref="CC6:CC10"/>
    <mergeCell ref="BH8:BH10"/>
    <mergeCell ref="BT6:CA7"/>
    <mergeCell ref="BT8:BT10"/>
    <mergeCell ref="BU8:CA10"/>
    <mergeCell ref="BS6:BS10"/>
    <mergeCell ref="BF6:BK6"/>
    <mergeCell ref="BJ8:BJ10"/>
    <mergeCell ref="BL7:BR8"/>
    <mergeCell ref="BF7:BK7"/>
    <mergeCell ref="D7:E10"/>
    <mergeCell ref="AF88:AI89"/>
    <mergeCell ref="AJ86:AM87"/>
    <mergeCell ref="AJ88:AM89"/>
    <mergeCell ref="AF86:AI87"/>
    <mergeCell ref="AI65:AL67"/>
    <mergeCell ref="AC65:AH67"/>
    <mergeCell ref="AI74:AL76"/>
    <mergeCell ref="AF82:AI83"/>
    <mergeCell ref="AB82:AE83"/>
    <mergeCell ref="AB86:AE87"/>
    <mergeCell ref="V77:AL78"/>
    <mergeCell ref="V74:Y76"/>
    <mergeCell ref="Z74:AB76"/>
    <mergeCell ref="AC74:AH76"/>
    <mergeCell ref="D80:AL81"/>
    <mergeCell ref="K77:U78"/>
    <mergeCell ref="D77:J78"/>
    <mergeCell ref="D74:J76"/>
    <mergeCell ref="D86:G87"/>
    <mergeCell ref="X88:AA89"/>
    <mergeCell ref="T88:W89"/>
    <mergeCell ref="P88:S89"/>
    <mergeCell ref="X86:AA87"/>
    <mergeCell ref="T86:W87"/>
    <mergeCell ref="AS56:CA57"/>
    <mergeCell ref="AS58:CA59"/>
    <mergeCell ref="AS60:CA61"/>
    <mergeCell ref="AS62:CA63"/>
    <mergeCell ref="AS64:CA65"/>
    <mergeCell ref="AR37:CC38"/>
    <mergeCell ref="AR39:CC40"/>
    <mergeCell ref="AU12:AU14"/>
    <mergeCell ref="BB12:BB14"/>
    <mergeCell ref="BA12:BA14"/>
    <mergeCell ref="BH12:BI14"/>
    <mergeCell ref="CB12:CC14"/>
    <mergeCell ref="BW17:BX18"/>
    <mergeCell ref="BS17:BS18"/>
    <mergeCell ref="BL17:BL18"/>
    <mergeCell ref="BF12:BG14"/>
    <mergeCell ref="BT12:BT14"/>
    <mergeCell ref="AS52:CA53"/>
    <mergeCell ref="AR44:CC45"/>
    <mergeCell ref="AR46:CC47"/>
    <mergeCell ref="AR41:CC42"/>
    <mergeCell ref="AT12:AT14"/>
    <mergeCell ref="AR24:CC25"/>
    <mergeCell ref="CB17:CC18"/>
    <mergeCell ref="AR31:CC32"/>
    <mergeCell ref="V8:X10"/>
    <mergeCell ref="Y8:Z10"/>
    <mergeCell ref="B17:B18"/>
    <mergeCell ref="Y12:Y14"/>
    <mergeCell ref="M17:M18"/>
    <mergeCell ref="B12:B14"/>
    <mergeCell ref="A12:A14"/>
    <mergeCell ref="N12:O14"/>
    <mergeCell ref="L12:M14"/>
    <mergeCell ref="J12:K14"/>
    <mergeCell ref="H12:I14"/>
    <mergeCell ref="D13:E13"/>
    <mergeCell ref="C12:C14"/>
    <mergeCell ref="F12:G14"/>
    <mergeCell ref="T12:U14"/>
    <mergeCell ref="R12:S14"/>
    <mergeCell ref="P12:Q14"/>
    <mergeCell ref="V12:X14"/>
    <mergeCell ref="BG8:BG10"/>
    <mergeCell ref="BF8:BF10"/>
    <mergeCell ref="BF11:BG11"/>
    <mergeCell ref="X17:X18"/>
    <mergeCell ref="CB6:CB10"/>
    <mergeCell ref="H8:S9"/>
    <mergeCell ref="V6:Z7"/>
    <mergeCell ref="K74:U76"/>
    <mergeCell ref="X82:AA83"/>
    <mergeCell ref="T82:W83"/>
    <mergeCell ref="P82:S83"/>
    <mergeCell ref="L82:O83"/>
    <mergeCell ref="H82:K83"/>
    <mergeCell ref="C48:AN49"/>
    <mergeCell ref="AH34:AK35"/>
    <mergeCell ref="C20:AN21"/>
    <mergeCell ref="A7:C10"/>
    <mergeCell ref="AF8:AM10"/>
    <mergeCell ref="AF12:AM14"/>
    <mergeCell ref="C23:AN24"/>
    <mergeCell ref="W34:Z35"/>
    <mergeCell ref="P34:V35"/>
    <mergeCell ref="W32:Z33"/>
    <mergeCell ref="AA32:AG33"/>
    <mergeCell ref="AA36:AG37"/>
    <mergeCell ref="E36:K37"/>
    <mergeCell ref="P30:V31"/>
    <mergeCell ref="W36:Z37"/>
    <mergeCell ref="E32:K33"/>
    <mergeCell ref="AR78:CC79"/>
    <mergeCell ref="AR87:CC88"/>
    <mergeCell ref="AR96:CC97"/>
    <mergeCell ref="C46:AN47"/>
    <mergeCell ref="AR100:CC101"/>
    <mergeCell ref="AO99:AO101"/>
    <mergeCell ref="AR93:CC94"/>
    <mergeCell ref="AP96:AQ97"/>
    <mergeCell ref="AS66:CA67"/>
    <mergeCell ref="AS68:CA69"/>
    <mergeCell ref="AS70:CA71"/>
    <mergeCell ref="AS72:CA73"/>
    <mergeCell ref="AS74:CA75"/>
    <mergeCell ref="AP78:AQ79"/>
    <mergeCell ref="AR80:CC81"/>
    <mergeCell ref="AR98:CC99"/>
    <mergeCell ref="AR89:CC90"/>
    <mergeCell ref="AR91:CC92"/>
    <mergeCell ref="AR48:CC49"/>
    <mergeCell ref="AS50:CA51"/>
    <mergeCell ref="AR82:CC83"/>
    <mergeCell ref="AR84:CC85"/>
    <mergeCell ref="AP87:AQ88"/>
    <mergeCell ref="AS54:CA55"/>
  </mergeCells>
  <phoneticPr fontId="2"/>
  <pageMargins left="0.78740157480314965" right="0.23622047244094491" top="0.6692913385826772" bottom="0.35433070866141736" header="0.31496062992125984" footer="0.31496062992125984"/>
  <pageSetup paperSize="9" scale="72" orientation="landscape" cellComments="asDisplayed"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CE171"/>
  <sheetViews>
    <sheetView view="pageBreakPreview" topLeftCell="A13" zoomScale="85" zoomScaleNormal="85" zoomScaleSheetLayoutView="85" workbookViewId="0">
      <selection activeCell="AM66" sqref="AM66:AO67"/>
    </sheetView>
  </sheetViews>
  <sheetFormatPr defaultRowHeight="14.4"/>
  <cols>
    <col min="1" max="2" width="2" style="57" customWidth="1"/>
    <col min="3" max="81" width="2" customWidth="1"/>
    <col min="82" max="84" width="1.796875" customWidth="1"/>
    <col min="85" max="99" width="2" customWidth="1"/>
  </cols>
  <sheetData>
    <row r="1" spans="1:83" ht="24" customHeight="1">
      <c r="X1" s="1635" t="s">
        <v>143</v>
      </c>
      <c r="Y1" s="1636"/>
      <c r="Z1" s="1636"/>
      <c r="AA1" s="1636"/>
      <c r="AB1" s="1636"/>
      <c r="AC1" s="1636"/>
      <c r="AD1" s="1636"/>
      <c r="AE1" s="1636"/>
      <c r="AF1" s="1636"/>
      <c r="AG1" s="1636"/>
      <c r="AH1" s="1636"/>
      <c r="AI1" s="1636"/>
      <c r="AJ1" s="1636"/>
      <c r="AK1" s="1636"/>
      <c r="AL1" s="1636"/>
      <c r="AM1" s="1636"/>
      <c r="AN1" s="1636"/>
      <c r="AO1" s="1636"/>
      <c r="AP1" s="1636"/>
      <c r="AQ1" s="1636"/>
      <c r="AR1" s="1636"/>
      <c r="AS1" s="1636"/>
      <c r="AT1" s="1636"/>
      <c r="AU1" s="1636"/>
      <c r="AV1" s="1636"/>
      <c r="AW1" s="1636"/>
      <c r="AX1" s="1636"/>
      <c r="AY1" s="1636"/>
      <c r="AZ1" s="1636"/>
      <c r="BA1" s="1637"/>
      <c r="BB1" s="56"/>
      <c r="BC1" s="56"/>
      <c r="BD1" s="56"/>
      <c r="BG1" s="3"/>
      <c r="BH1" s="50"/>
      <c r="BI1" s="50"/>
      <c r="BJ1" s="50"/>
      <c r="BK1" s="50"/>
      <c r="BL1" s="50"/>
      <c r="BM1" s="50"/>
      <c r="BN1" s="50"/>
      <c r="BO1" s="3"/>
      <c r="BP1" s="3"/>
      <c r="BQ1" s="3"/>
      <c r="BR1" s="3"/>
    </row>
    <row r="2" spans="1:83" ht="21" customHeight="1">
      <c r="BJ2" s="1728"/>
      <c r="BK2" s="1728"/>
      <c r="BL2" s="1728"/>
      <c r="BM2" s="1728"/>
      <c r="BN2" s="1728"/>
      <c r="BO2" s="1728"/>
      <c r="BP2" s="1728"/>
      <c r="BQ2" s="1728"/>
    </row>
    <row r="3" spans="1:83" ht="8.25" customHeight="1">
      <c r="D3" s="9"/>
      <c r="E3" s="8"/>
      <c r="F3" s="9"/>
      <c r="G3" s="10"/>
      <c r="H3" s="10"/>
      <c r="I3" s="10"/>
      <c r="J3" s="10"/>
      <c r="K3" s="10"/>
      <c r="L3" s="10"/>
      <c r="M3" s="10"/>
      <c r="N3" s="10"/>
      <c r="O3" s="10"/>
      <c r="P3" s="10"/>
      <c r="Q3" s="10"/>
      <c r="R3" s="8"/>
      <c r="S3" s="1702" t="s">
        <v>123</v>
      </c>
      <c r="T3" s="1219" t="s">
        <v>124</v>
      </c>
      <c r="U3" s="1172"/>
      <c r="V3" s="1172"/>
      <c r="W3" s="1172"/>
      <c r="X3" s="1172"/>
      <c r="Y3" s="1172"/>
      <c r="Z3" s="1220"/>
      <c r="AA3" s="1219" t="s">
        <v>125</v>
      </c>
      <c r="AB3" s="1172"/>
      <c r="AC3" s="1172"/>
      <c r="AD3" s="1172"/>
      <c r="AE3" s="1172"/>
      <c r="AF3" s="1172"/>
      <c r="AG3" s="1220"/>
      <c r="AH3" s="9"/>
      <c r="AI3" s="10"/>
      <c r="AJ3" s="10"/>
      <c r="AK3" s="10"/>
      <c r="AL3" s="10"/>
      <c r="AM3" s="10"/>
      <c r="AN3" s="8"/>
      <c r="AO3" s="9"/>
      <c r="AP3" s="10"/>
      <c r="AQ3" s="10"/>
      <c r="AR3" s="10"/>
      <c r="AS3" s="10"/>
      <c r="AT3" s="10"/>
      <c r="AU3" s="8"/>
      <c r="AV3" s="9"/>
      <c r="AW3" s="10"/>
      <c r="AX3" s="10"/>
      <c r="AY3" s="10"/>
      <c r="AZ3" s="10"/>
      <c r="BA3" s="10"/>
      <c r="BB3" s="8"/>
      <c r="BC3" s="9"/>
      <c r="BD3" s="10"/>
      <c r="BE3" s="10"/>
      <c r="BF3" s="10"/>
      <c r="BG3" s="10"/>
      <c r="BH3" s="10"/>
      <c r="BI3" s="8"/>
      <c r="BJ3" s="9"/>
      <c r="BK3" s="10"/>
      <c r="BL3" s="10"/>
      <c r="BM3" s="10"/>
      <c r="BN3" s="10"/>
      <c r="BO3" s="10"/>
      <c r="BP3" s="10"/>
      <c r="BQ3" s="9"/>
      <c r="BR3" s="10"/>
      <c r="BS3" s="10"/>
      <c r="BT3" s="10"/>
      <c r="BU3" s="10"/>
      <c r="BV3" s="10"/>
      <c r="BW3" s="10"/>
      <c r="BX3" s="8"/>
      <c r="BY3" s="1382" t="s">
        <v>126</v>
      </c>
      <c r="BZ3" s="39"/>
      <c r="CA3" s="39"/>
    </row>
    <row r="4" spans="1:83" ht="8.25" customHeight="1">
      <c r="D4" s="1230" t="s">
        <v>1</v>
      </c>
      <c r="E4" s="1171"/>
      <c r="F4" s="2"/>
      <c r="G4" s="3"/>
      <c r="H4" s="3"/>
      <c r="I4" s="3"/>
      <c r="J4" s="3"/>
      <c r="K4" s="3"/>
      <c r="L4" s="3"/>
      <c r="M4" s="3"/>
      <c r="N4" s="3"/>
      <c r="O4" s="3"/>
      <c r="P4" s="3"/>
      <c r="Q4" s="3"/>
      <c r="R4" s="38"/>
      <c r="S4" s="1703"/>
      <c r="T4" s="1704"/>
      <c r="U4" s="1191"/>
      <c r="V4" s="1191"/>
      <c r="W4" s="1191"/>
      <c r="X4" s="1191"/>
      <c r="Y4" s="1191"/>
      <c r="Z4" s="1192"/>
      <c r="AA4" s="1704"/>
      <c r="AB4" s="1191"/>
      <c r="AC4" s="1191"/>
      <c r="AD4" s="1191"/>
      <c r="AE4" s="1191"/>
      <c r="AF4" s="1191"/>
      <c r="AG4" s="1192"/>
      <c r="AH4" s="1221" t="s">
        <v>127</v>
      </c>
      <c r="AI4" s="886"/>
      <c r="AJ4" s="886"/>
      <c r="AK4" s="886"/>
      <c r="AL4" s="886"/>
      <c r="AM4" s="886"/>
      <c r="AN4" s="1190"/>
      <c r="AO4" s="2"/>
      <c r="AP4" s="3"/>
      <c r="AQ4" s="3"/>
      <c r="AR4" s="3"/>
      <c r="AS4" s="3"/>
      <c r="AT4" s="3"/>
      <c r="AU4" s="38"/>
      <c r="AV4" s="2"/>
      <c r="AW4" s="3"/>
      <c r="AX4" s="3"/>
      <c r="AY4" s="3"/>
      <c r="AZ4" s="3"/>
      <c r="BA4" s="3"/>
      <c r="BB4" s="38"/>
      <c r="BC4" s="2"/>
      <c r="BD4" s="3"/>
      <c r="BE4" s="3"/>
      <c r="BF4" s="3"/>
      <c r="BG4" s="3"/>
      <c r="BH4" s="3"/>
      <c r="BI4" s="38"/>
      <c r="BJ4" s="2"/>
      <c r="BK4" s="3"/>
      <c r="BL4" s="3"/>
      <c r="BM4" s="3"/>
      <c r="BN4" s="3"/>
      <c r="BO4" s="3"/>
      <c r="BP4" s="3"/>
      <c r="BQ4" s="1221" t="s">
        <v>128</v>
      </c>
      <c r="BR4" s="886"/>
      <c r="BS4" s="886"/>
      <c r="BT4" s="886"/>
      <c r="BU4" s="886"/>
      <c r="BV4" s="886"/>
      <c r="BW4" s="886"/>
      <c r="BX4" s="1190"/>
      <c r="BY4" s="1383"/>
      <c r="BZ4" s="39"/>
      <c r="CA4" s="39"/>
    </row>
    <row r="5" spans="1:83" ht="8.25" customHeight="1">
      <c r="B5" s="57" t="s">
        <v>207</v>
      </c>
      <c r="D5" s="1231"/>
      <c r="E5" s="1171"/>
      <c r="F5" s="2"/>
      <c r="G5" s="886" t="s">
        <v>129</v>
      </c>
      <c r="H5" s="886"/>
      <c r="I5" s="886"/>
      <c r="J5" s="886"/>
      <c r="K5" s="886"/>
      <c r="L5" s="886"/>
      <c r="M5" s="886"/>
      <c r="N5" s="886"/>
      <c r="O5" s="886"/>
      <c r="P5" s="886"/>
      <c r="Q5" s="886"/>
      <c r="R5" s="38"/>
      <c r="S5" s="1703"/>
      <c r="T5" s="1382" t="s">
        <v>130</v>
      </c>
      <c r="U5" s="1219" t="s">
        <v>131</v>
      </c>
      <c r="V5" s="1220"/>
      <c r="W5" s="1219" t="s">
        <v>132</v>
      </c>
      <c r="X5" s="1220"/>
      <c r="Y5" s="1219" t="s">
        <v>133</v>
      </c>
      <c r="Z5" s="1220"/>
      <c r="AA5" s="1382" t="s">
        <v>130</v>
      </c>
      <c r="AB5" s="1219" t="s">
        <v>131</v>
      </c>
      <c r="AC5" s="1220"/>
      <c r="AD5" s="1219" t="s">
        <v>132</v>
      </c>
      <c r="AE5" s="1220"/>
      <c r="AF5" s="1219" t="s">
        <v>133</v>
      </c>
      <c r="AG5" s="1220"/>
      <c r="AH5" s="1221"/>
      <c r="AI5" s="886"/>
      <c r="AJ5" s="886"/>
      <c r="AK5" s="886"/>
      <c r="AL5" s="886"/>
      <c r="AM5" s="886"/>
      <c r="AN5" s="1190"/>
      <c r="AO5" s="1221" t="s">
        <v>134</v>
      </c>
      <c r="AP5" s="886"/>
      <c r="AQ5" s="886"/>
      <c r="AR5" s="886"/>
      <c r="AS5" s="886"/>
      <c r="AT5" s="886"/>
      <c r="AU5" s="1190"/>
      <c r="AV5" s="1228" t="s">
        <v>135</v>
      </c>
      <c r="AW5" s="1705"/>
      <c r="AX5" s="1705"/>
      <c r="AY5" s="1705"/>
      <c r="AZ5" s="1705"/>
      <c r="BA5" s="1705"/>
      <c r="BB5" s="1229"/>
      <c r="BC5" s="1714" t="s">
        <v>136</v>
      </c>
      <c r="BD5" s="1715"/>
      <c r="BE5" s="1715"/>
      <c r="BF5" s="1715"/>
      <c r="BG5" s="1715"/>
      <c r="BH5" s="1715"/>
      <c r="BI5" s="1716"/>
      <c r="BJ5" s="1221" t="s">
        <v>137</v>
      </c>
      <c r="BK5" s="886"/>
      <c r="BL5" s="886"/>
      <c r="BM5" s="886"/>
      <c r="BN5" s="886"/>
      <c r="BO5" s="886"/>
      <c r="BP5" s="1190"/>
      <c r="BQ5" s="1221"/>
      <c r="BR5" s="886"/>
      <c r="BS5" s="886"/>
      <c r="BT5" s="886"/>
      <c r="BU5" s="886"/>
      <c r="BV5" s="886"/>
      <c r="BW5" s="886"/>
      <c r="BX5" s="1190"/>
      <c r="BY5" s="1383"/>
      <c r="BZ5" s="39"/>
      <c r="CA5" s="39"/>
    </row>
    <row r="6" spans="1:83" ht="8.25" customHeight="1">
      <c r="D6" s="1231"/>
      <c r="E6" s="1171"/>
      <c r="F6" s="2"/>
      <c r="G6" s="886"/>
      <c r="H6" s="886"/>
      <c r="I6" s="886"/>
      <c r="J6" s="886"/>
      <c r="K6" s="886"/>
      <c r="L6" s="886"/>
      <c r="M6" s="886"/>
      <c r="N6" s="886"/>
      <c r="O6" s="886"/>
      <c r="P6" s="886"/>
      <c r="Q6" s="886"/>
      <c r="R6" s="38"/>
      <c r="S6" s="1703"/>
      <c r="T6" s="1383"/>
      <c r="U6" s="1221"/>
      <c r="V6" s="1190"/>
      <c r="W6" s="1221"/>
      <c r="X6" s="1190"/>
      <c r="Y6" s="1221"/>
      <c r="Z6" s="1190"/>
      <c r="AA6" s="1383"/>
      <c r="AB6" s="1221"/>
      <c r="AC6" s="1190"/>
      <c r="AD6" s="1221"/>
      <c r="AE6" s="1190"/>
      <c r="AF6" s="1221"/>
      <c r="AG6" s="1190"/>
      <c r="AH6" s="1221" t="s">
        <v>138</v>
      </c>
      <c r="AI6" s="886"/>
      <c r="AJ6" s="886"/>
      <c r="AK6" s="886"/>
      <c r="AL6" s="886"/>
      <c r="AM6" s="886"/>
      <c r="AN6" s="1190"/>
      <c r="AO6" s="1221"/>
      <c r="AP6" s="886"/>
      <c r="AQ6" s="886"/>
      <c r="AR6" s="886"/>
      <c r="AS6" s="886"/>
      <c r="AT6" s="886"/>
      <c r="AU6" s="1190"/>
      <c r="AV6" s="1228"/>
      <c r="AW6" s="1705"/>
      <c r="AX6" s="1705"/>
      <c r="AY6" s="1705"/>
      <c r="AZ6" s="1705"/>
      <c r="BA6" s="1705"/>
      <c r="BB6" s="1229"/>
      <c r="BC6" s="1714"/>
      <c r="BD6" s="1715"/>
      <c r="BE6" s="1715"/>
      <c r="BF6" s="1715"/>
      <c r="BG6" s="1715"/>
      <c r="BH6" s="1715"/>
      <c r="BI6" s="1716"/>
      <c r="BJ6" s="1221"/>
      <c r="BK6" s="886"/>
      <c r="BL6" s="886"/>
      <c r="BM6" s="886"/>
      <c r="BN6" s="886"/>
      <c r="BO6" s="886"/>
      <c r="BP6" s="1190"/>
      <c r="BQ6" s="1221" t="s">
        <v>139</v>
      </c>
      <c r="BR6" s="886"/>
      <c r="BS6" s="886"/>
      <c r="BT6" s="886"/>
      <c r="BU6" s="886"/>
      <c r="BV6" s="886"/>
      <c r="BW6" s="886"/>
      <c r="BX6" s="1190"/>
      <c r="BY6" s="1383"/>
      <c r="BZ6" s="39"/>
      <c r="CA6" s="39"/>
    </row>
    <row r="7" spans="1:83" ht="8.25" customHeight="1">
      <c r="D7" s="1231"/>
      <c r="E7" s="1171"/>
      <c r="F7" s="2"/>
      <c r="G7" s="3"/>
      <c r="H7" s="3"/>
      <c r="I7" s="3"/>
      <c r="J7" s="3"/>
      <c r="K7" s="3"/>
      <c r="L7" s="3"/>
      <c r="M7" s="3"/>
      <c r="N7" s="3"/>
      <c r="O7" s="3"/>
      <c r="P7" s="3"/>
      <c r="Q7" s="3"/>
      <c r="R7" s="38"/>
      <c r="S7" s="1703"/>
      <c r="T7" s="1383"/>
      <c r="U7" s="1221"/>
      <c r="V7" s="1190"/>
      <c r="W7" s="1221"/>
      <c r="X7" s="1190"/>
      <c r="Y7" s="1221"/>
      <c r="Z7" s="1190"/>
      <c r="AA7" s="1383"/>
      <c r="AB7" s="1221"/>
      <c r="AC7" s="1190"/>
      <c r="AD7" s="1221"/>
      <c r="AE7" s="1190"/>
      <c r="AF7" s="1221"/>
      <c r="AG7" s="1190"/>
      <c r="AH7" s="1221"/>
      <c r="AI7" s="886"/>
      <c r="AJ7" s="886"/>
      <c r="AK7" s="886"/>
      <c r="AL7" s="886"/>
      <c r="AM7" s="886"/>
      <c r="AN7" s="1190"/>
      <c r="AO7" s="2"/>
      <c r="AP7" s="3"/>
      <c r="AQ7" s="3"/>
      <c r="AR7" s="3"/>
      <c r="AS7" s="3"/>
      <c r="AT7" s="3"/>
      <c r="AU7" s="38"/>
      <c r="AV7" s="2"/>
      <c r="AW7" s="3"/>
      <c r="AX7" s="3"/>
      <c r="AY7" s="3"/>
      <c r="AZ7" s="3"/>
      <c r="BA7" s="3"/>
      <c r="BB7" s="38"/>
      <c r="BC7" s="2"/>
      <c r="BD7" s="3"/>
      <c r="BE7" s="3"/>
      <c r="BF7" s="3"/>
      <c r="BG7" s="3"/>
      <c r="BH7" s="3"/>
      <c r="BI7" s="38"/>
      <c r="BJ7" s="2"/>
      <c r="BK7" s="3"/>
      <c r="BL7" s="3"/>
      <c r="BM7" s="3"/>
      <c r="BN7" s="3"/>
      <c r="BO7" s="3"/>
      <c r="BP7" s="3"/>
      <c r="BQ7" s="1221"/>
      <c r="BR7" s="886"/>
      <c r="BS7" s="886"/>
      <c r="BT7" s="886"/>
      <c r="BU7" s="886"/>
      <c r="BV7" s="886"/>
      <c r="BW7" s="886"/>
      <c r="BX7" s="1190"/>
      <c r="BY7" s="1383"/>
      <c r="BZ7" s="39"/>
      <c r="CA7" s="39"/>
    </row>
    <row r="8" spans="1:83" s="103" customFormat="1" ht="8.25" customHeight="1">
      <c r="A8" s="20"/>
      <c r="B8" s="20"/>
      <c r="D8" s="89"/>
      <c r="E8" s="90"/>
      <c r="F8" s="14"/>
      <c r="G8" s="64"/>
      <c r="H8" s="64"/>
      <c r="I8" s="64"/>
      <c r="J8" s="64"/>
      <c r="K8" s="64"/>
      <c r="L8" s="64"/>
      <c r="M8" s="64"/>
      <c r="N8" s="64"/>
      <c r="O8" s="64"/>
      <c r="P8" s="64"/>
      <c r="Q8" s="64"/>
      <c r="R8" s="66"/>
      <c r="S8" s="14"/>
      <c r="T8" s="15"/>
      <c r="U8" s="14"/>
      <c r="V8" s="66"/>
      <c r="W8" s="14"/>
      <c r="X8" s="66"/>
      <c r="Y8" s="14"/>
      <c r="Z8" s="66"/>
      <c r="AA8" s="15"/>
      <c r="AB8" s="14"/>
      <c r="AC8" s="66"/>
      <c r="AD8" s="14"/>
      <c r="AE8" s="66"/>
      <c r="AF8" s="14"/>
      <c r="AG8" s="66"/>
      <c r="AH8" s="14"/>
      <c r="AI8" s="16"/>
      <c r="AJ8" s="16"/>
      <c r="AK8" s="16"/>
      <c r="AL8" s="16"/>
      <c r="AM8" s="16"/>
      <c r="AN8" s="66"/>
      <c r="AO8" s="14"/>
      <c r="AP8" s="16"/>
      <c r="AQ8" s="16"/>
      <c r="AR8" s="16"/>
      <c r="AS8" s="16"/>
      <c r="AT8" s="16"/>
      <c r="AU8" s="66"/>
      <c r="AV8" s="14"/>
      <c r="AW8" s="16"/>
      <c r="AX8" s="16"/>
      <c r="AY8" s="16"/>
      <c r="AZ8" s="16"/>
      <c r="BA8" s="16"/>
      <c r="BB8" s="66"/>
      <c r="BC8" s="14"/>
      <c r="BD8" s="16"/>
      <c r="BE8" s="16"/>
      <c r="BF8" s="16"/>
      <c r="BG8" s="16"/>
      <c r="BH8" s="16"/>
      <c r="BI8" s="66"/>
      <c r="BJ8" s="14"/>
      <c r="BK8" s="16"/>
      <c r="BL8" s="16"/>
      <c r="BM8" s="16"/>
      <c r="BN8" s="16"/>
      <c r="BO8" s="16"/>
      <c r="BP8" s="16"/>
      <c r="BQ8" s="14"/>
      <c r="BR8" s="16"/>
      <c r="BS8" s="16"/>
      <c r="BT8" s="16"/>
      <c r="BU8" s="16"/>
      <c r="BV8" s="16"/>
      <c r="BW8" s="16"/>
      <c r="BX8" s="66"/>
      <c r="BY8" s="15"/>
      <c r="BZ8" s="40"/>
      <c r="CA8" s="40"/>
      <c r="CB8" s="102"/>
      <c r="CC8" s="102"/>
      <c r="CD8" s="102"/>
      <c r="CE8" s="102"/>
    </row>
    <row r="9" spans="1:83" ht="7.5" customHeight="1">
      <c r="D9" s="1706" t="s">
        <v>142</v>
      </c>
      <c r="E9" s="1707"/>
      <c r="F9" s="36"/>
      <c r="G9" s="35"/>
      <c r="H9" s="35"/>
      <c r="I9" s="35"/>
      <c r="J9" s="35"/>
      <c r="K9" s="35"/>
      <c r="L9" s="35"/>
      <c r="M9" s="35"/>
      <c r="N9" s="35"/>
      <c r="O9" s="35"/>
      <c r="P9" s="35"/>
      <c r="Q9" s="35"/>
      <c r="R9" s="34"/>
      <c r="S9" s="18"/>
      <c r="T9" s="18"/>
      <c r="U9" s="36"/>
      <c r="V9" s="34"/>
      <c r="W9" s="36"/>
      <c r="X9" s="34"/>
      <c r="Y9" s="36"/>
      <c r="Z9" s="34"/>
      <c r="AA9" s="18"/>
      <c r="AB9" s="36"/>
      <c r="AC9" s="34"/>
      <c r="AD9" s="36"/>
      <c r="AE9" s="34"/>
      <c r="AF9" s="36"/>
      <c r="AG9" s="34"/>
      <c r="AH9" s="45"/>
      <c r="AI9" s="46"/>
      <c r="AJ9" s="47"/>
      <c r="AK9" s="42" t="s">
        <v>140</v>
      </c>
      <c r="AL9" s="46"/>
      <c r="AM9" s="47"/>
      <c r="AN9" s="42" t="s">
        <v>141</v>
      </c>
      <c r="AO9" s="45"/>
      <c r="AP9" s="46"/>
      <c r="AQ9" s="47"/>
      <c r="AR9" s="42" t="s">
        <v>140</v>
      </c>
      <c r="AS9" s="46"/>
      <c r="AT9" s="47"/>
      <c r="AU9" s="42" t="s">
        <v>141</v>
      </c>
      <c r="AV9" s="45"/>
      <c r="AW9" s="46"/>
      <c r="AX9" s="47"/>
      <c r="AY9" s="42" t="s">
        <v>140</v>
      </c>
      <c r="AZ9" s="46"/>
      <c r="BA9" s="47"/>
      <c r="BB9" s="42" t="s">
        <v>141</v>
      </c>
      <c r="BC9" s="45"/>
      <c r="BD9" s="46"/>
      <c r="BE9" s="47"/>
      <c r="BF9" s="42" t="s">
        <v>140</v>
      </c>
      <c r="BG9" s="46"/>
      <c r="BH9" s="47"/>
      <c r="BI9" s="42" t="s">
        <v>141</v>
      </c>
      <c r="BJ9" s="45"/>
      <c r="BK9" s="46"/>
      <c r="BL9" s="47"/>
      <c r="BM9" s="42" t="s">
        <v>140</v>
      </c>
      <c r="BN9" s="46"/>
      <c r="BO9" s="47"/>
      <c r="BP9" s="43" t="s">
        <v>141</v>
      </c>
      <c r="BQ9" s="46"/>
      <c r="BR9" s="48"/>
      <c r="BS9" s="46"/>
      <c r="BT9" s="49"/>
      <c r="BU9" s="44" t="s">
        <v>140</v>
      </c>
      <c r="BV9" s="46"/>
      <c r="BW9" s="49"/>
      <c r="BX9" s="44" t="s">
        <v>141</v>
      </c>
      <c r="BY9" s="18"/>
      <c r="BZ9" s="3"/>
      <c r="CA9" s="3"/>
    </row>
    <row r="10" spans="1:83" ht="12" customHeight="1">
      <c r="D10" s="1708"/>
      <c r="E10" s="1709"/>
      <c r="F10" s="1561" t="s">
        <v>148</v>
      </c>
      <c r="G10" s="1558" t="s">
        <v>149</v>
      </c>
      <c r="H10" s="1558" t="s">
        <v>148</v>
      </c>
      <c r="I10" s="1558" t="s">
        <v>147</v>
      </c>
      <c r="J10" s="1558" t="s">
        <v>150</v>
      </c>
      <c r="K10" s="1558"/>
      <c r="L10" s="1558" t="s">
        <v>151</v>
      </c>
      <c r="M10" s="1558" t="s">
        <v>152</v>
      </c>
      <c r="N10" s="1558" t="s">
        <v>153</v>
      </c>
      <c r="O10" s="1558"/>
      <c r="P10" s="1558"/>
      <c r="Q10" s="1558"/>
      <c r="R10" s="1555"/>
      <c r="S10" s="1712">
        <v>1</v>
      </c>
      <c r="T10" s="1712">
        <v>7</v>
      </c>
      <c r="U10" s="1561">
        <v>0</v>
      </c>
      <c r="V10" s="1555">
        <v>9</v>
      </c>
      <c r="W10" s="1561">
        <v>1</v>
      </c>
      <c r="X10" s="1555">
        <v>0</v>
      </c>
      <c r="Y10" s="1561">
        <v>2</v>
      </c>
      <c r="Z10" s="1555">
        <v>9</v>
      </c>
      <c r="AA10" s="1712">
        <v>9</v>
      </c>
      <c r="AB10" s="1561">
        <v>0</v>
      </c>
      <c r="AC10" s="1555">
        <v>4</v>
      </c>
      <c r="AD10" s="1561">
        <v>0</v>
      </c>
      <c r="AE10" s="1555">
        <v>4</v>
      </c>
      <c r="AF10" s="1561">
        <v>0</v>
      </c>
      <c r="AG10" s="1555">
        <v>1</v>
      </c>
      <c r="AH10" s="1712"/>
      <c r="AI10" s="1561">
        <v>1</v>
      </c>
      <c r="AJ10" s="1558">
        <v>5</v>
      </c>
      <c r="AK10" s="1555">
        <v>0</v>
      </c>
      <c r="AL10" s="1561">
        <v>0</v>
      </c>
      <c r="AM10" s="1558">
        <v>0</v>
      </c>
      <c r="AN10" s="1555">
        <v>0</v>
      </c>
      <c r="AO10" s="1712"/>
      <c r="AP10" s="1561"/>
      <c r="AQ10" s="1558">
        <v>1</v>
      </c>
      <c r="AR10" s="1555">
        <v>5</v>
      </c>
      <c r="AS10" s="1561">
        <v>0</v>
      </c>
      <c r="AT10" s="1558">
        <v>0</v>
      </c>
      <c r="AU10" s="1555">
        <v>0</v>
      </c>
      <c r="AV10" s="1712"/>
      <c r="AW10" s="1561"/>
      <c r="AX10" s="1558">
        <v>2</v>
      </c>
      <c r="AY10" s="1555">
        <v>0</v>
      </c>
      <c r="AZ10" s="1561">
        <v>0</v>
      </c>
      <c r="BA10" s="1558">
        <v>0</v>
      </c>
      <c r="BB10" s="1555">
        <v>0</v>
      </c>
      <c r="BC10" s="1712"/>
      <c r="BD10" s="1561"/>
      <c r="BE10" s="1558"/>
      <c r="BF10" s="1555">
        <v>5</v>
      </c>
      <c r="BG10" s="1561">
        <v>0</v>
      </c>
      <c r="BH10" s="1558">
        <v>0</v>
      </c>
      <c r="BI10" s="1555">
        <v>0</v>
      </c>
      <c r="BJ10" s="1712"/>
      <c r="BK10" s="1561">
        <v>1</v>
      </c>
      <c r="BL10" s="1558">
        <v>9</v>
      </c>
      <c r="BM10" s="1555">
        <v>0</v>
      </c>
      <c r="BN10" s="1561">
        <v>0</v>
      </c>
      <c r="BO10" s="1558">
        <v>0</v>
      </c>
      <c r="BP10" s="1555">
        <v>0</v>
      </c>
      <c r="BQ10" s="1561"/>
      <c r="BR10" s="1555"/>
      <c r="BS10" s="1561"/>
      <c r="BT10" s="1558"/>
      <c r="BU10" s="1555"/>
      <c r="BV10" s="1561"/>
      <c r="BW10" s="1558"/>
      <c r="BX10" s="1555">
        <v>0</v>
      </c>
      <c r="BY10" s="1712">
        <v>1</v>
      </c>
      <c r="BZ10" s="3"/>
      <c r="CA10" s="3"/>
    </row>
    <row r="11" spans="1:83" ht="12" customHeight="1">
      <c r="D11" s="1710"/>
      <c r="E11" s="1711"/>
      <c r="F11" s="1562"/>
      <c r="G11" s="1559"/>
      <c r="H11" s="1559"/>
      <c r="I11" s="1559"/>
      <c r="J11" s="1559"/>
      <c r="K11" s="1559"/>
      <c r="L11" s="1559"/>
      <c r="M11" s="1559"/>
      <c r="N11" s="1559"/>
      <c r="O11" s="1559"/>
      <c r="P11" s="1559"/>
      <c r="Q11" s="1559"/>
      <c r="R11" s="1556"/>
      <c r="S11" s="1713"/>
      <c r="T11" s="1713"/>
      <c r="U11" s="1562"/>
      <c r="V11" s="1556"/>
      <c r="W11" s="1562"/>
      <c r="X11" s="1556"/>
      <c r="Y11" s="1562"/>
      <c r="Z11" s="1556"/>
      <c r="AA11" s="1713"/>
      <c r="AB11" s="1562"/>
      <c r="AC11" s="1556"/>
      <c r="AD11" s="1562"/>
      <c r="AE11" s="1556"/>
      <c r="AF11" s="1562"/>
      <c r="AG11" s="1556"/>
      <c r="AH11" s="1713"/>
      <c r="AI11" s="1562"/>
      <c r="AJ11" s="1559"/>
      <c r="AK11" s="1556"/>
      <c r="AL11" s="1562"/>
      <c r="AM11" s="1559"/>
      <c r="AN11" s="1556"/>
      <c r="AO11" s="1713"/>
      <c r="AP11" s="1562"/>
      <c r="AQ11" s="1559"/>
      <c r="AR11" s="1556"/>
      <c r="AS11" s="1562"/>
      <c r="AT11" s="1559"/>
      <c r="AU11" s="1556"/>
      <c r="AV11" s="1713"/>
      <c r="AW11" s="1562"/>
      <c r="AX11" s="1559"/>
      <c r="AY11" s="1556"/>
      <c r="AZ11" s="1562"/>
      <c r="BA11" s="1559"/>
      <c r="BB11" s="1556"/>
      <c r="BC11" s="1713"/>
      <c r="BD11" s="1562"/>
      <c r="BE11" s="1559"/>
      <c r="BF11" s="1556"/>
      <c r="BG11" s="1562"/>
      <c r="BH11" s="1559"/>
      <c r="BI11" s="1556"/>
      <c r="BJ11" s="1713"/>
      <c r="BK11" s="1562"/>
      <c r="BL11" s="1559"/>
      <c r="BM11" s="1556"/>
      <c r="BN11" s="1562"/>
      <c r="BO11" s="1559"/>
      <c r="BP11" s="1556"/>
      <c r="BQ11" s="1562"/>
      <c r="BR11" s="1556"/>
      <c r="BS11" s="1562"/>
      <c r="BT11" s="1559"/>
      <c r="BU11" s="1556"/>
      <c r="BV11" s="1562"/>
      <c r="BW11" s="1559"/>
      <c r="BX11" s="1556"/>
      <c r="BY11" s="1713"/>
      <c r="BZ11" s="3"/>
      <c r="CA11" s="3"/>
    </row>
    <row r="12" spans="1:83" ht="8.25" customHeight="1"/>
    <row r="13" spans="1:83" ht="8.25" customHeight="1"/>
    <row r="14" spans="1:83" ht="8.25" customHeight="1">
      <c r="K14" s="863" t="s">
        <v>87</v>
      </c>
      <c r="L14" s="863"/>
      <c r="Y14" s="863" t="s">
        <v>88</v>
      </c>
      <c r="Z14" s="863"/>
      <c r="AX14" s="863" t="s">
        <v>89</v>
      </c>
      <c r="BT14" s="863" t="s">
        <v>90</v>
      </c>
      <c r="BU14" s="863"/>
      <c r="BY14" s="863" t="s">
        <v>91</v>
      </c>
    </row>
    <row r="15" spans="1:83" ht="8.25" customHeight="1">
      <c r="K15" s="863"/>
      <c r="L15" s="863"/>
      <c r="Y15" s="863"/>
      <c r="Z15" s="863"/>
      <c r="AX15" s="863"/>
      <c r="BT15" s="863"/>
      <c r="BU15" s="863"/>
      <c r="BY15" s="863"/>
    </row>
    <row r="16" spans="1:83" s="22" customFormat="1" ht="11.25" customHeight="1">
      <c r="A16" s="57"/>
      <c r="B16" s="57"/>
    </row>
    <row r="17" spans="1:77" s="22" customFormat="1" ht="11.25" customHeight="1">
      <c r="A17" s="863" t="s">
        <v>87</v>
      </c>
      <c r="B17" s="863"/>
      <c r="C17" s="1689" t="s">
        <v>755</v>
      </c>
      <c r="D17" s="1690"/>
      <c r="E17" s="1690"/>
      <c r="F17" s="1690"/>
      <c r="G17" s="1690"/>
      <c r="H17" s="1690"/>
      <c r="I17" s="1690"/>
      <c r="J17" s="1690"/>
      <c r="K17" s="1690"/>
      <c r="L17" s="1690"/>
      <c r="M17" s="1690"/>
      <c r="N17" s="1690"/>
      <c r="O17" s="1690"/>
      <c r="P17" s="1690"/>
      <c r="Q17" s="1690"/>
      <c r="R17" s="1690"/>
      <c r="S17" s="1690"/>
      <c r="T17" s="1690"/>
      <c r="U17" s="1690"/>
      <c r="V17" s="1690"/>
      <c r="W17" s="1690"/>
      <c r="X17" s="1690"/>
      <c r="Y17" s="1690"/>
      <c r="Z17" s="1690"/>
      <c r="AA17" s="1690"/>
      <c r="AB17" s="1690"/>
      <c r="AC17" s="1690"/>
      <c r="AD17" s="1690"/>
      <c r="AE17" s="1690"/>
      <c r="AF17" s="1690"/>
      <c r="AG17" s="1690"/>
      <c r="AH17" s="1690"/>
      <c r="AI17" s="1690"/>
      <c r="AJ17" s="1690"/>
      <c r="AK17" s="1691"/>
      <c r="AP17" s="863" t="s">
        <v>89</v>
      </c>
      <c r="AQ17" s="1236"/>
      <c r="AR17" s="1717" t="s">
        <v>630</v>
      </c>
      <c r="AS17" s="1718"/>
      <c r="AT17" s="1718"/>
      <c r="AU17" s="1718"/>
      <c r="AV17" s="1718"/>
      <c r="AW17" s="1718"/>
      <c r="AX17" s="1718"/>
      <c r="AY17" s="1718"/>
      <c r="AZ17" s="1718"/>
      <c r="BA17" s="1718"/>
      <c r="BB17" s="1718"/>
      <c r="BC17" s="1718"/>
      <c r="BD17" s="1718"/>
      <c r="BE17" s="1718"/>
      <c r="BF17" s="1718"/>
      <c r="BG17" s="1718"/>
      <c r="BH17" s="1718"/>
      <c r="BI17" s="1718"/>
      <c r="BJ17" s="1718"/>
      <c r="BK17" s="1718"/>
      <c r="BL17" s="1718"/>
      <c r="BM17" s="1718"/>
      <c r="BN17" s="1718"/>
      <c r="BO17" s="1718"/>
      <c r="BP17" s="1718"/>
      <c r="BQ17" s="1718"/>
      <c r="BR17" s="1718"/>
      <c r="BS17" s="1718"/>
      <c r="BT17" s="1718"/>
      <c r="BU17" s="1718"/>
      <c r="BV17" s="1718"/>
      <c r="BW17" s="1718"/>
      <c r="BX17" s="1718"/>
      <c r="BY17" s="1719"/>
    </row>
    <row r="18" spans="1:77" s="22" customFormat="1" ht="11.25" customHeight="1">
      <c r="A18" s="863"/>
      <c r="B18" s="863"/>
      <c r="C18" s="1692"/>
      <c r="D18" s="1693"/>
      <c r="E18" s="1693"/>
      <c r="F18" s="1693"/>
      <c r="G18" s="1693"/>
      <c r="H18" s="1693"/>
      <c r="I18" s="1693"/>
      <c r="J18" s="1693"/>
      <c r="K18" s="1693"/>
      <c r="L18" s="1693"/>
      <c r="M18" s="1693"/>
      <c r="N18" s="1693"/>
      <c r="O18" s="1693"/>
      <c r="P18" s="1693"/>
      <c r="Q18" s="1693"/>
      <c r="R18" s="1693"/>
      <c r="S18" s="1693"/>
      <c r="T18" s="1693"/>
      <c r="U18" s="1693"/>
      <c r="V18" s="1693"/>
      <c r="W18" s="1693"/>
      <c r="X18" s="1693"/>
      <c r="Y18" s="1693"/>
      <c r="Z18" s="1693"/>
      <c r="AA18" s="1693"/>
      <c r="AB18" s="1693"/>
      <c r="AC18" s="1693"/>
      <c r="AD18" s="1693"/>
      <c r="AE18" s="1693"/>
      <c r="AF18" s="1693"/>
      <c r="AG18" s="1693"/>
      <c r="AH18" s="1693"/>
      <c r="AI18" s="1693"/>
      <c r="AJ18" s="1693"/>
      <c r="AK18" s="1694"/>
      <c r="AP18" s="863"/>
      <c r="AQ18" s="1236"/>
      <c r="AR18" s="1720"/>
      <c r="AS18" s="1721"/>
      <c r="AT18" s="1721"/>
      <c r="AU18" s="1721"/>
      <c r="AV18" s="1721"/>
      <c r="AW18" s="1721"/>
      <c r="AX18" s="1721"/>
      <c r="AY18" s="1721"/>
      <c r="AZ18" s="1721"/>
      <c r="BA18" s="1721"/>
      <c r="BB18" s="1721"/>
      <c r="BC18" s="1721"/>
      <c r="BD18" s="1721"/>
      <c r="BE18" s="1721"/>
      <c r="BF18" s="1721"/>
      <c r="BG18" s="1721"/>
      <c r="BH18" s="1721"/>
      <c r="BI18" s="1721"/>
      <c r="BJ18" s="1721"/>
      <c r="BK18" s="1721"/>
      <c r="BL18" s="1721"/>
      <c r="BM18" s="1721"/>
      <c r="BN18" s="1721"/>
      <c r="BO18" s="1721"/>
      <c r="BP18" s="1721"/>
      <c r="BQ18" s="1721"/>
      <c r="BR18" s="1721"/>
      <c r="BS18" s="1721"/>
      <c r="BT18" s="1721"/>
      <c r="BU18" s="1721"/>
      <c r="BV18" s="1721"/>
      <c r="BW18" s="1721"/>
      <c r="BX18" s="1721"/>
      <c r="BY18" s="1722"/>
    </row>
    <row r="19" spans="1:77" s="22" customFormat="1" ht="11.25" customHeight="1">
      <c r="A19" s="494"/>
      <c r="B19" s="494"/>
      <c r="C19" s="1202" t="s">
        <v>154</v>
      </c>
      <c r="D19" s="1233"/>
      <c r="E19" s="1233"/>
      <c r="F19" s="1233"/>
      <c r="G19" s="1233"/>
      <c r="H19" s="1233"/>
      <c r="I19" s="1233"/>
      <c r="J19" s="1233"/>
      <c r="K19" s="1233"/>
      <c r="L19" s="1233"/>
      <c r="M19" s="1233"/>
      <c r="N19" s="1233"/>
      <c r="O19" s="1233"/>
      <c r="P19" s="1233"/>
      <c r="Q19" s="1233"/>
      <c r="R19" s="1233"/>
      <c r="S19" s="1233"/>
      <c r="T19" s="1233"/>
      <c r="U19" s="1233"/>
      <c r="V19" s="1233"/>
      <c r="W19" s="1233"/>
      <c r="X19" s="1233"/>
      <c r="Y19" s="1233"/>
      <c r="Z19" s="1233"/>
      <c r="AA19" s="1233"/>
      <c r="AB19" s="1233"/>
      <c r="AC19" s="1233"/>
      <c r="AD19" s="1233"/>
      <c r="AE19" s="1233"/>
      <c r="AF19" s="1233"/>
      <c r="AG19" s="1233"/>
      <c r="AH19" s="1233"/>
      <c r="AI19" s="1233"/>
      <c r="AJ19" s="1233"/>
      <c r="AK19" s="1402"/>
      <c r="AR19" s="1723" t="s">
        <v>286</v>
      </c>
      <c r="AS19" s="1724"/>
      <c r="AT19" s="1724"/>
      <c r="AU19" s="1724"/>
      <c r="AV19" s="1724"/>
      <c r="AW19" s="1724"/>
      <c r="AX19" s="1724"/>
      <c r="AY19" s="1724"/>
      <c r="AZ19" s="1724"/>
      <c r="BA19" s="1724"/>
      <c r="BB19" s="1724"/>
      <c r="BC19" s="1724"/>
      <c r="BD19" s="1724"/>
      <c r="BE19" s="1724"/>
      <c r="BF19" s="1724"/>
      <c r="BG19" s="1724"/>
      <c r="BH19" s="1724"/>
      <c r="BI19" s="1724"/>
      <c r="BJ19" s="1724"/>
      <c r="BK19" s="1724"/>
      <c r="BL19" s="1724"/>
      <c r="BM19" s="1724"/>
      <c r="BN19" s="1724"/>
      <c r="BO19" s="1724"/>
      <c r="BP19" s="1724"/>
      <c r="BQ19" s="1724"/>
      <c r="BR19" s="1724"/>
      <c r="BS19" s="1724"/>
      <c r="BT19" s="1724"/>
      <c r="BU19" s="1724"/>
      <c r="BV19" s="1724"/>
      <c r="BW19" s="1724"/>
      <c r="BX19" s="1724"/>
      <c r="BY19" s="1725"/>
    </row>
    <row r="20" spans="1:77" s="22" customFormat="1" ht="11.25" customHeight="1">
      <c r="A20" s="494"/>
      <c r="B20" s="494"/>
      <c r="C20" s="1449"/>
      <c r="D20" s="1450"/>
      <c r="E20" s="1450"/>
      <c r="F20" s="1450"/>
      <c r="G20" s="1450"/>
      <c r="H20" s="1450"/>
      <c r="I20" s="1450"/>
      <c r="J20" s="1450"/>
      <c r="K20" s="1450"/>
      <c r="L20" s="1450"/>
      <c r="M20" s="1450"/>
      <c r="N20" s="1450"/>
      <c r="O20" s="1450"/>
      <c r="P20" s="1450"/>
      <c r="Q20" s="1450"/>
      <c r="R20" s="1450"/>
      <c r="S20" s="1450"/>
      <c r="T20" s="1450"/>
      <c r="U20" s="1450"/>
      <c r="V20" s="1450"/>
      <c r="W20" s="1450"/>
      <c r="X20" s="1450"/>
      <c r="Y20" s="1450"/>
      <c r="Z20" s="1450"/>
      <c r="AA20" s="1450"/>
      <c r="AB20" s="1450"/>
      <c r="AC20" s="1450"/>
      <c r="AD20" s="1450"/>
      <c r="AE20" s="1450"/>
      <c r="AF20" s="1450"/>
      <c r="AG20" s="1450"/>
      <c r="AH20" s="1450"/>
      <c r="AI20" s="1450"/>
      <c r="AJ20" s="1450"/>
      <c r="AK20" s="1451"/>
      <c r="AR20" s="1723"/>
      <c r="AS20" s="1724"/>
      <c r="AT20" s="1724"/>
      <c r="AU20" s="1724"/>
      <c r="AV20" s="1724"/>
      <c r="AW20" s="1724"/>
      <c r="AX20" s="1724"/>
      <c r="AY20" s="1724"/>
      <c r="AZ20" s="1724"/>
      <c r="BA20" s="1724"/>
      <c r="BB20" s="1724"/>
      <c r="BC20" s="1724"/>
      <c r="BD20" s="1724"/>
      <c r="BE20" s="1724"/>
      <c r="BF20" s="1724"/>
      <c r="BG20" s="1724"/>
      <c r="BH20" s="1724"/>
      <c r="BI20" s="1724"/>
      <c r="BJ20" s="1724"/>
      <c r="BK20" s="1724"/>
      <c r="BL20" s="1724"/>
      <c r="BM20" s="1724"/>
      <c r="BN20" s="1724"/>
      <c r="BO20" s="1724"/>
      <c r="BP20" s="1724"/>
      <c r="BQ20" s="1724"/>
      <c r="BR20" s="1724"/>
      <c r="BS20" s="1724"/>
      <c r="BT20" s="1724"/>
      <c r="BU20" s="1724"/>
      <c r="BV20" s="1724"/>
      <c r="BW20" s="1724"/>
      <c r="BX20" s="1724"/>
      <c r="BY20" s="1725"/>
    </row>
    <row r="21" spans="1:77" s="22" customFormat="1" ht="11.25" customHeight="1">
      <c r="A21" s="57"/>
      <c r="B21" s="57"/>
      <c r="AR21" s="1723" t="s">
        <v>287</v>
      </c>
      <c r="AS21" s="1724"/>
      <c r="AT21" s="1724"/>
      <c r="AU21" s="1724"/>
      <c r="AV21" s="1724"/>
      <c r="AW21" s="1724"/>
      <c r="AX21" s="1724"/>
      <c r="AY21" s="1724"/>
      <c r="AZ21" s="1724"/>
      <c r="BA21" s="1724"/>
      <c r="BB21" s="1724"/>
      <c r="BC21" s="1724"/>
      <c r="BD21" s="1724"/>
      <c r="BE21" s="1724"/>
      <c r="BF21" s="1724"/>
      <c r="BG21" s="1724"/>
      <c r="BH21" s="1724"/>
      <c r="BI21" s="1724"/>
      <c r="BJ21" s="1724"/>
      <c r="BK21" s="1724"/>
      <c r="BL21" s="1724"/>
      <c r="BM21" s="1724"/>
      <c r="BN21" s="1724"/>
      <c r="BO21" s="1724"/>
      <c r="BP21" s="1724"/>
      <c r="BQ21" s="1724"/>
      <c r="BR21" s="1724"/>
      <c r="BS21" s="1724"/>
      <c r="BT21" s="1724"/>
      <c r="BU21" s="1724"/>
      <c r="BV21" s="1724"/>
      <c r="BW21" s="1724"/>
      <c r="BX21" s="1724"/>
      <c r="BY21" s="1725"/>
    </row>
    <row r="22" spans="1:77" s="22" customFormat="1" ht="11.25" customHeight="1">
      <c r="A22" s="863" t="s">
        <v>88</v>
      </c>
      <c r="B22" s="863"/>
      <c r="C22" s="1689" t="s">
        <v>756</v>
      </c>
      <c r="D22" s="1690"/>
      <c r="E22" s="1690"/>
      <c r="F22" s="1690"/>
      <c r="G22" s="1690"/>
      <c r="H22" s="1690"/>
      <c r="I22" s="1690"/>
      <c r="J22" s="1690"/>
      <c r="K22" s="1690"/>
      <c r="L22" s="1690"/>
      <c r="M22" s="1690"/>
      <c r="N22" s="1690"/>
      <c r="O22" s="1690"/>
      <c r="P22" s="1690"/>
      <c r="Q22" s="1690"/>
      <c r="R22" s="1690"/>
      <c r="S22" s="1690"/>
      <c r="T22" s="1690"/>
      <c r="U22" s="1690"/>
      <c r="V22" s="1690"/>
      <c r="W22" s="1690"/>
      <c r="X22" s="1690"/>
      <c r="Y22" s="1690"/>
      <c r="Z22" s="1690"/>
      <c r="AA22" s="1690"/>
      <c r="AB22" s="1690"/>
      <c r="AC22" s="1690"/>
      <c r="AD22" s="1690"/>
      <c r="AE22" s="1690"/>
      <c r="AF22" s="1690"/>
      <c r="AG22" s="1690"/>
      <c r="AH22" s="1690"/>
      <c r="AI22" s="1690"/>
      <c r="AJ22" s="1690"/>
      <c r="AK22" s="1691"/>
      <c r="AR22" s="1723"/>
      <c r="AS22" s="1724"/>
      <c r="AT22" s="1724"/>
      <c r="AU22" s="1724"/>
      <c r="AV22" s="1724"/>
      <c r="AW22" s="1724"/>
      <c r="AX22" s="1724"/>
      <c r="AY22" s="1724"/>
      <c r="AZ22" s="1724"/>
      <c r="BA22" s="1724"/>
      <c r="BB22" s="1724"/>
      <c r="BC22" s="1724"/>
      <c r="BD22" s="1724"/>
      <c r="BE22" s="1724"/>
      <c r="BF22" s="1724"/>
      <c r="BG22" s="1724"/>
      <c r="BH22" s="1724"/>
      <c r="BI22" s="1724"/>
      <c r="BJ22" s="1724"/>
      <c r="BK22" s="1724"/>
      <c r="BL22" s="1724"/>
      <c r="BM22" s="1724"/>
      <c r="BN22" s="1724"/>
      <c r="BO22" s="1724"/>
      <c r="BP22" s="1724"/>
      <c r="BQ22" s="1724"/>
      <c r="BR22" s="1724"/>
      <c r="BS22" s="1724"/>
      <c r="BT22" s="1724"/>
      <c r="BU22" s="1724"/>
      <c r="BV22" s="1724"/>
      <c r="BW22" s="1724"/>
      <c r="BX22" s="1724"/>
      <c r="BY22" s="1725"/>
    </row>
    <row r="23" spans="1:77" s="22" customFormat="1" ht="11.25" customHeight="1">
      <c r="A23" s="863"/>
      <c r="B23" s="863"/>
      <c r="C23" s="1692"/>
      <c r="D23" s="1693"/>
      <c r="E23" s="1693"/>
      <c r="F23" s="1693"/>
      <c r="G23" s="1693"/>
      <c r="H23" s="1693"/>
      <c r="I23" s="1693"/>
      <c r="J23" s="1693"/>
      <c r="K23" s="1693"/>
      <c r="L23" s="1693"/>
      <c r="M23" s="1693"/>
      <c r="N23" s="1693"/>
      <c r="O23" s="1693"/>
      <c r="P23" s="1693"/>
      <c r="Q23" s="1693"/>
      <c r="R23" s="1693"/>
      <c r="S23" s="1693"/>
      <c r="T23" s="1693"/>
      <c r="U23" s="1693"/>
      <c r="V23" s="1693"/>
      <c r="W23" s="1693"/>
      <c r="X23" s="1693"/>
      <c r="Y23" s="1693"/>
      <c r="Z23" s="1693"/>
      <c r="AA23" s="1693"/>
      <c r="AB23" s="1693"/>
      <c r="AC23" s="1693"/>
      <c r="AD23" s="1693"/>
      <c r="AE23" s="1693"/>
      <c r="AF23" s="1693"/>
      <c r="AG23" s="1693"/>
      <c r="AH23" s="1693"/>
      <c r="AI23" s="1693"/>
      <c r="AJ23" s="1693"/>
      <c r="AK23" s="1694"/>
      <c r="AR23" s="1202" t="s">
        <v>168</v>
      </c>
      <c r="AS23" s="1233"/>
      <c r="AT23" s="1233"/>
      <c r="AU23" s="1233"/>
      <c r="AV23" s="1233"/>
      <c r="AW23" s="1233"/>
      <c r="AX23" s="1233"/>
      <c r="AY23" s="1233"/>
      <c r="AZ23" s="1233"/>
      <c r="BA23" s="1233"/>
      <c r="BB23" s="1233"/>
      <c r="BC23" s="1233"/>
      <c r="BD23" s="1233"/>
      <c r="BE23" s="1233"/>
      <c r="BF23" s="1233"/>
      <c r="BG23" s="1233"/>
      <c r="BH23" s="1233"/>
      <c r="BI23" s="1233"/>
      <c r="BJ23" s="1233"/>
      <c r="BK23" s="1233"/>
      <c r="BL23" s="1233"/>
      <c r="BM23" s="1233"/>
      <c r="BN23" s="1233"/>
      <c r="BO23" s="1233"/>
      <c r="BP23" s="1233"/>
      <c r="BQ23" s="1233"/>
      <c r="BR23" s="1233"/>
      <c r="BS23" s="1233"/>
      <c r="BT23" s="1233"/>
      <c r="BU23" s="1233"/>
      <c r="BV23" s="1233"/>
      <c r="BW23" s="1233"/>
      <c r="BX23" s="1233"/>
      <c r="BY23" s="1402"/>
    </row>
    <row r="24" spans="1:77" s="22" customFormat="1" ht="11.25" customHeight="1">
      <c r="A24" s="57"/>
      <c r="B24" s="57"/>
      <c r="C24" s="1202" t="s">
        <v>155</v>
      </c>
      <c r="D24" s="1233"/>
      <c r="E24" s="1233"/>
      <c r="F24" s="1233"/>
      <c r="G24" s="1233"/>
      <c r="H24" s="1233"/>
      <c r="I24" s="1233"/>
      <c r="J24" s="1233"/>
      <c r="K24" s="1233"/>
      <c r="L24" s="1233"/>
      <c r="M24" s="1233"/>
      <c r="N24" s="1233"/>
      <c r="O24" s="1233"/>
      <c r="P24" s="1233"/>
      <c r="Q24" s="1233"/>
      <c r="R24" s="1233"/>
      <c r="S24" s="1233"/>
      <c r="T24" s="1233"/>
      <c r="U24" s="1233"/>
      <c r="V24" s="1233"/>
      <c r="W24" s="1233"/>
      <c r="X24" s="1233"/>
      <c r="Y24" s="1233"/>
      <c r="Z24" s="1233"/>
      <c r="AA24" s="1233"/>
      <c r="AB24" s="1233"/>
      <c r="AC24" s="1233"/>
      <c r="AD24" s="1233"/>
      <c r="AE24" s="1233"/>
      <c r="AF24" s="1233"/>
      <c r="AG24" s="1233"/>
      <c r="AH24" s="1233"/>
      <c r="AI24" s="1233"/>
      <c r="AJ24" s="1233"/>
      <c r="AK24" s="1402"/>
      <c r="AR24" s="1202"/>
      <c r="AS24" s="1233"/>
      <c r="AT24" s="1233"/>
      <c r="AU24" s="1233"/>
      <c r="AV24" s="1233"/>
      <c r="AW24" s="1233"/>
      <c r="AX24" s="1233"/>
      <c r="AY24" s="1233"/>
      <c r="AZ24" s="1233"/>
      <c r="BA24" s="1233"/>
      <c r="BB24" s="1233"/>
      <c r="BC24" s="1233"/>
      <c r="BD24" s="1233"/>
      <c r="BE24" s="1233"/>
      <c r="BF24" s="1233"/>
      <c r="BG24" s="1233"/>
      <c r="BH24" s="1233"/>
      <c r="BI24" s="1233"/>
      <c r="BJ24" s="1233"/>
      <c r="BK24" s="1233"/>
      <c r="BL24" s="1233"/>
      <c r="BM24" s="1233"/>
      <c r="BN24" s="1233"/>
      <c r="BO24" s="1233"/>
      <c r="BP24" s="1233"/>
      <c r="BQ24" s="1233"/>
      <c r="BR24" s="1233"/>
      <c r="BS24" s="1233"/>
      <c r="BT24" s="1233"/>
      <c r="BU24" s="1233"/>
      <c r="BV24" s="1233"/>
      <c r="BW24" s="1233"/>
      <c r="BX24" s="1233"/>
      <c r="BY24" s="1402"/>
    </row>
    <row r="25" spans="1:77" s="22" customFormat="1" ht="11.25" customHeight="1">
      <c r="A25" s="57"/>
      <c r="B25" s="57"/>
      <c r="C25" s="1202"/>
      <c r="D25" s="1233"/>
      <c r="E25" s="1233"/>
      <c r="F25" s="1233"/>
      <c r="G25" s="1233"/>
      <c r="H25" s="1233"/>
      <c r="I25" s="1233"/>
      <c r="J25" s="1233"/>
      <c r="K25" s="1233"/>
      <c r="L25" s="1233"/>
      <c r="M25" s="1233"/>
      <c r="N25" s="1233"/>
      <c r="O25" s="1233"/>
      <c r="P25" s="1233"/>
      <c r="Q25" s="1233"/>
      <c r="R25" s="1233"/>
      <c r="S25" s="1233"/>
      <c r="T25" s="1233"/>
      <c r="U25" s="1233"/>
      <c r="V25" s="1233"/>
      <c r="W25" s="1233"/>
      <c r="X25" s="1233"/>
      <c r="Y25" s="1233"/>
      <c r="Z25" s="1233"/>
      <c r="AA25" s="1233"/>
      <c r="AB25" s="1233"/>
      <c r="AC25" s="1233"/>
      <c r="AD25" s="1233"/>
      <c r="AE25" s="1233"/>
      <c r="AF25" s="1233"/>
      <c r="AG25" s="1233"/>
      <c r="AH25" s="1233"/>
      <c r="AI25" s="1233"/>
      <c r="AJ25" s="1233"/>
      <c r="AK25" s="1402"/>
      <c r="AR25" s="1202" t="s">
        <v>169</v>
      </c>
      <c r="AS25" s="1233"/>
      <c r="AT25" s="1233"/>
      <c r="AU25" s="1233"/>
      <c r="AV25" s="1233"/>
      <c r="AW25" s="1233"/>
      <c r="AX25" s="1233"/>
      <c r="AY25" s="1233"/>
      <c r="AZ25" s="1233"/>
      <c r="BA25" s="1233"/>
      <c r="BB25" s="1233"/>
      <c r="BC25" s="1233"/>
      <c r="BD25" s="1233"/>
      <c r="BE25" s="1233"/>
      <c r="BF25" s="1233"/>
      <c r="BG25" s="1233"/>
      <c r="BH25" s="1233"/>
      <c r="BI25" s="1233"/>
      <c r="BJ25" s="1233"/>
      <c r="BK25" s="1233"/>
      <c r="BL25" s="1233"/>
      <c r="BM25" s="1233"/>
      <c r="BN25" s="1233"/>
      <c r="BO25" s="1233"/>
      <c r="BP25" s="1233"/>
      <c r="BQ25" s="1233"/>
      <c r="BR25" s="1233"/>
      <c r="BS25" s="1233"/>
      <c r="BT25" s="1233"/>
      <c r="BU25" s="1233"/>
      <c r="BV25" s="1233"/>
      <c r="BW25" s="1233"/>
      <c r="BX25" s="1233"/>
      <c r="BY25" s="1402"/>
    </row>
    <row r="26" spans="1:77" s="22" customFormat="1" ht="12.75" customHeight="1">
      <c r="A26" s="57"/>
      <c r="B26" s="57"/>
      <c r="C26" s="1232" t="s">
        <v>594</v>
      </c>
      <c r="D26" s="1726"/>
      <c r="E26" s="1726"/>
      <c r="F26" s="1726"/>
      <c r="G26" s="1726"/>
      <c r="H26" s="1726"/>
      <c r="I26" s="1726"/>
      <c r="J26" s="1726"/>
      <c r="K26" s="1726"/>
      <c r="L26" s="1726"/>
      <c r="M26" s="1726"/>
      <c r="N26" s="1726"/>
      <c r="O26" s="1726"/>
      <c r="P26" s="1726"/>
      <c r="Q26" s="1726"/>
      <c r="R26" s="1726"/>
      <c r="S26" s="1726"/>
      <c r="T26" s="1726"/>
      <c r="U26" s="1726"/>
      <c r="V26" s="1726"/>
      <c r="W26" s="1726"/>
      <c r="X26" s="1726"/>
      <c r="Y26" s="1726"/>
      <c r="Z26" s="1726"/>
      <c r="AA26" s="1726"/>
      <c r="AB26" s="1726"/>
      <c r="AC26" s="1726"/>
      <c r="AD26" s="1726"/>
      <c r="AE26" s="1726"/>
      <c r="AF26" s="1726"/>
      <c r="AG26" s="1726"/>
      <c r="AH26" s="1726"/>
      <c r="AI26" s="1726"/>
      <c r="AJ26" s="1726"/>
      <c r="AK26" s="1727"/>
      <c r="AR26" s="1202"/>
      <c r="AS26" s="1233"/>
      <c r="AT26" s="1233"/>
      <c r="AU26" s="1233"/>
      <c r="AV26" s="1233"/>
      <c r="AW26" s="1233"/>
      <c r="AX26" s="1233"/>
      <c r="AY26" s="1233"/>
      <c r="AZ26" s="1233"/>
      <c r="BA26" s="1233"/>
      <c r="BB26" s="1233"/>
      <c r="BC26" s="1233"/>
      <c r="BD26" s="1233"/>
      <c r="BE26" s="1233"/>
      <c r="BF26" s="1233"/>
      <c r="BG26" s="1233"/>
      <c r="BH26" s="1233"/>
      <c r="BI26" s="1233"/>
      <c r="BJ26" s="1233"/>
      <c r="BK26" s="1233"/>
      <c r="BL26" s="1233"/>
      <c r="BM26" s="1233"/>
      <c r="BN26" s="1233"/>
      <c r="BO26" s="1233"/>
      <c r="BP26" s="1233"/>
      <c r="BQ26" s="1233"/>
      <c r="BR26" s="1233"/>
      <c r="BS26" s="1233"/>
      <c r="BT26" s="1233"/>
      <c r="BU26" s="1233"/>
      <c r="BV26" s="1233"/>
      <c r="BW26" s="1233"/>
      <c r="BX26" s="1233"/>
      <c r="BY26" s="1402"/>
    </row>
    <row r="27" spans="1:77" s="22" customFormat="1" ht="11.25" customHeight="1">
      <c r="A27" s="57"/>
      <c r="B27" s="57"/>
      <c r="C27" s="1232"/>
      <c r="D27" s="1726"/>
      <c r="E27" s="1726"/>
      <c r="F27" s="1726"/>
      <c r="G27" s="1726"/>
      <c r="H27" s="1726"/>
      <c r="I27" s="1726"/>
      <c r="J27" s="1726"/>
      <c r="K27" s="1726"/>
      <c r="L27" s="1726"/>
      <c r="M27" s="1726"/>
      <c r="N27" s="1726"/>
      <c r="O27" s="1726"/>
      <c r="P27" s="1726"/>
      <c r="Q27" s="1726"/>
      <c r="R27" s="1726"/>
      <c r="S27" s="1726"/>
      <c r="T27" s="1726"/>
      <c r="U27" s="1726"/>
      <c r="V27" s="1726"/>
      <c r="W27" s="1726"/>
      <c r="X27" s="1726"/>
      <c r="Y27" s="1726"/>
      <c r="Z27" s="1726"/>
      <c r="AA27" s="1726"/>
      <c r="AB27" s="1726"/>
      <c r="AC27" s="1726"/>
      <c r="AD27" s="1726"/>
      <c r="AE27" s="1726"/>
      <c r="AF27" s="1726"/>
      <c r="AG27" s="1726"/>
      <c r="AH27" s="1726"/>
      <c r="AI27" s="1726"/>
      <c r="AJ27" s="1726"/>
      <c r="AK27" s="1727"/>
      <c r="AR27" s="1202" t="s">
        <v>423</v>
      </c>
      <c r="AS27" s="1233"/>
      <c r="AT27" s="1233"/>
      <c r="AU27" s="1233"/>
      <c r="AV27" s="1233"/>
      <c r="AW27" s="1233"/>
      <c r="AX27" s="1233"/>
      <c r="AY27" s="1233"/>
      <c r="AZ27" s="1233"/>
      <c r="BA27" s="1233"/>
      <c r="BB27" s="1233"/>
      <c r="BC27" s="1233"/>
      <c r="BD27" s="1233"/>
      <c r="BE27" s="1233"/>
      <c r="BF27" s="1233"/>
      <c r="BG27" s="1233"/>
      <c r="BH27" s="1233"/>
      <c r="BI27" s="1233"/>
      <c r="BJ27" s="1233"/>
      <c r="BK27" s="1233"/>
      <c r="BL27" s="1233"/>
      <c r="BM27" s="1233"/>
      <c r="BN27" s="1233"/>
      <c r="BO27" s="1233"/>
      <c r="BP27" s="1233"/>
      <c r="BQ27" s="1233"/>
      <c r="BR27" s="1233"/>
      <c r="BS27" s="1233"/>
      <c r="BT27" s="1233"/>
      <c r="BU27" s="1233"/>
      <c r="BV27" s="1233"/>
      <c r="BW27" s="1233"/>
      <c r="BX27" s="1233"/>
      <c r="BY27" s="1402"/>
    </row>
    <row r="28" spans="1:77" s="22" customFormat="1" ht="11.25" customHeight="1">
      <c r="A28" s="57"/>
      <c r="B28" s="57"/>
      <c r="C28" s="1232" t="s">
        <v>422</v>
      </c>
      <c r="D28" s="1726"/>
      <c r="E28" s="1726"/>
      <c r="F28" s="1726"/>
      <c r="G28" s="1726"/>
      <c r="H28" s="1726"/>
      <c r="I28" s="1726"/>
      <c r="J28" s="1726"/>
      <c r="K28" s="1726"/>
      <c r="L28" s="1726"/>
      <c r="M28" s="1726"/>
      <c r="N28" s="1726"/>
      <c r="O28" s="1726"/>
      <c r="P28" s="1726"/>
      <c r="Q28" s="1726"/>
      <c r="R28" s="1726"/>
      <c r="S28" s="1726"/>
      <c r="T28" s="1726"/>
      <c r="U28" s="1726"/>
      <c r="V28" s="1726"/>
      <c r="W28" s="1726"/>
      <c r="X28" s="1726"/>
      <c r="Y28" s="1726"/>
      <c r="Z28" s="1726"/>
      <c r="AA28" s="1726"/>
      <c r="AB28" s="1726"/>
      <c r="AC28" s="1726"/>
      <c r="AD28" s="1726"/>
      <c r="AE28" s="1726"/>
      <c r="AF28" s="1726"/>
      <c r="AG28" s="1726"/>
      <c r="AH28" s="1726"/>
      <c r="AI28" s="1726"/>
      <c r="AJ28" s="1726"/>
      <c r="AK28" s="1727"/>
      <c r="AR28" s="1202"/>
      <c r="AS28" s="1233"/>
      <c r="AT28" s="1233"/>
      <c r="AU28" s="1233"/>
      <c r="AV28" s="1233"/>
      <c r="AW28" s="1233"/>
      <c r="AX28" s="1233"/>
      <c r="AY28" s="1233"/>
      <c r="AZ28" s="1233"/>
      <c r="BA28" s="1233"/>
      <c r="BB28" s="1233"/>
      <c r="BC28" s="1233"/>
      <c r="BD28" s="1233"/>
      <c r="BE28" s="1233"/>
      <c r="BF28" s="1233"/>
      <c r="BG28" s="1233"/>
      <c r="BH28" s="1233"/>
      <c r="BI28" s="1233"/>
      <c r="BJ28" s="1233"/>
      <c r="BK28" s="1233"/>
      <c r="BL28" s="1233"/>
      <c r="BM28" s="1233"/>
      <c r="BN28" s="1233"/>
      <c r="BO28" s="1233"/>
      <c r="BP28" s="1233"/>
      <c r="BQ28" s="1233"/>
      <c r="BR28" s="1233"/>
      <c r="BS28" s="1233"/>
      <c r="BT28" s="1233"/>
      <c r="BU28" s="1233"/>
      <c r="BV28" s="1233"/>
      <c r="BW28" s="1233"/>
      <c r="BX28" s="1233"/>
      <c r="BY28" s="1402"/>
    </row>
    <row r="29" spans="1:77" s="22" customFormat="1" ht="11.25" customHeight="1">
      <c r="A29" s="57"/>
      <c r="B29" s="57"/>
      <c r="C29" s="1232"/>
      <c r="D29" s="1726"/>
      <c r="E29" s="1726"/>
      <c r="F29" s="1726"/>
      <c r="G29" s="1726"/>
      <c r="H29" s="1726"/>
      <c r="I29" s="1726"/>
      <c r="J29" s="1726"/>
      <c r="K29" s="1726"/>
      <c r="L29" s="1726"/>
      <c r="M29" s="1726"/>
      <c r="N29" s="1726"/>
      <c r="O29" s="1726"/>
      <c r="P29" s="1726"/>
      <c r="Q29" s="1726"/>
      <c r="R29" s="1726"/>
      <c r="S29" s="1726"/>
      <c r="T29" s="1726"/>
      <c r="U29" s="1726"/>
      <c r="V29" s="1726"/>
      <c r="W29" s="1726"/>
      <c r="X29" s="1726"/>
      <c r="Y29" s="1726"/>
      <c r="Z29" s="1726"/>
      <c r="AA29" s="1726"/>
      <c r="AB29" s="1726"/>
      <c r="AC29" s="1726"/>
      <c r="AD29" s="1726"/>
      <c r="AE29" s="1726"/>
      <c r="AF29" s="1726"/>
      <c r="AG29" s="1726"/>
      <c r="AH29" s="1726"/>
      <c r="AI29" s="1726"/>
      <c r="AJ29" s="1726"/>
      <c r="AK29" s="1727"/>
      <c r="AR29" s="1202" t="s">
        <v>432</v>
      </c>
      <c r="AS29" s="1233"/>
      <c r="AT29" s="1233"/>
      <c r="AU29" s="1233"/>
      <c r="AV29" s="1233"/>
      <c r="AW29" s="1233"/>
      <c r="AX29" s="1233"/>
      <c r="AY29" s="1233"/>
      <c r="AZ29" s="1233"/>
      <c r="BA29" s="1233"/>
      <c r="BB29" s="1233"/>
      <c r="BC29" s="1233"/>
      <c r="BD29" s="1233"/>
      <c r="BE29" s="1233"/>
      <c r="BF29" s="1233"/>
      <c r="BG29" s="1233"/>
      <c r="BH29" s="1233"/>
      <c r="BI29" s="1233"/>
      <c r="BJ29" s="1233"/>
      <c r="BK29" s="1233"/>
      <c r="BL29" s="1233"/>
      <c r="BM29" s="1233"/>
      <c r="BN29" s="1233"/>
      <c r="BO29" s="1233"/>
      <c r="BP29" s="1233"/>
      <c r="BQ29" s="1233"/>
      <c r="BR29" s="1233"/>
      <c r="BS29" s="1233"/>
      <c r="BT29" s="1233"/>
      <c r="BU29" s="1233"/>
      <c r="BV29" s="1233"/>
      <c r="BW29" s="1233"/>
      <c r="BX29" s="1233"/>
      <c r="BY29" s="1402"/>
    </row>
    <row r="30" spans="1:77" s="22" customFormat="1" ht="11.25" customHeight="1">
      <c r="A30" s="57"/>
      <c r="B30" s="57"/>
      <c r="C30" s="1232"/>
      <c r="D30" s="1726"/>
      <c r="E30" s="1726"/>
      <c r="F30" s="1726"/>
      <c r="G30" s="1726"/>
      <c r="H30" s="1726"/>
      <c r="I30" s="1726"/>
      <c r="J30" s="1726"/>
      <c r="K30" s="1726"/>
      <c r="L30" s="1726"/>
      <c r="M30" s="1726"/>
      <c r="N30" s="1726"/>
      <c r="O30" s="1726"/>
      <c r="P30" s="1726"/>
      <c r="Q30" s="1726"/>
      <c r="R30" s="1726"/>
      <c r="S30" s="1726"/>
      <c r="T30" s="1726"/>
      <c r="U30" s="1726"/>
      <c r="V30" s="1726"/>
      <c r="W30" s="1726"/>
      <c r="X30" s="1726"/>
      <c r="Y30" s="1726"/>
      <c r="Z30" s="1726"/>
      <c r="AA30" s="1726"/>
      <c r="AB30" s="1726"/>
      <c r="AC30" s="1726"/>
      <c r="AD30" s="1726"/>
      <c r="AE30" s="1726"/>
      <c r="AF30" s="1726"/>
      <c r="AG30" s="1726"/>
      <c r="AH30" s="1726"/>
      <c r="AI30" s="1726"/>
      <c r="AJ30" s="1726"/>
      <c r="AK30" s="1727"/>
      <c r="AR30" s="1202"/>
      <c r="AS30" s="1233"/>
      <c r="AT30" s="1233"/>
      <c r="AU30" s="1233"/>
      <c r="AV30" s="1233"/>
      <c r="AW30" s="1233"/>
      <c r="AX30" s="1233"/>
      <c r="AY30" s="1233"/>
      <c r="AZ30" s="1233"/>
      <c r="BA30" s="1233"/>
      <c r="BB30" s="1233"/>
      <c r="BC30" s="1233"/>
      <c r="BD30" s="1233"/>
      <c r="BE30" s="1233"/>
      <c r="BF30" s="1233"/>
      <c r="BG30" s="1233"/>
      <c r="BH30" s="1233"/>
      <c r="BI30" s="1233"/>
      <c r="BJ30" s="1233"/>
      <c r="BK30" s="1233"/>
      <c r="BL30" s="1233"/>
      <c r="BM30" s="1233"/>
      <c r="BN30" s="1233"/>
      <c r="BO30" s="1233"/>
      <c r="BP30" s="1233"/>
      <c r="BQ30" s="1233"/>
      <c r="BR30" s="1233"/>
      <c r="BS30" s="1233"/>
      <c r="BT30" s="1233"/>
      <c r="BU30" s="1233"/>
      <c r="BV30" s="1233"/>
      <c r="BW30" s="1233"/>
      <c r="BX30" s="1233"/>
      <c r="BY30" s="1402"/>
    </row>
    <row r="31" spans="1:77" s="22" customFormat="1" ht="11.25" customHeight="1">
      <c r="A31" s="57"/>
      <c r="B31" s="57"/>
      <c r="C31" s="1202" t="s">
        <v>345</v>
      </c>
      <c r="D31" s="1233"/>
      <c r="E31" s="1233"/>
      <c r="F31" s="1233"/>
      <c r="G31" s="1233"/>
      <c r="H31" s="1233"/>
      <c r="I31" s="1233"/>
      <c r="J31" s="1233"/>
      <c r="K31" s="1233"/>
      <c r="L31" s="1233"/>
      <c r="M31" s="1233"/>
      <c r="N31" s="1233"/>
      <c r="O31" s="1233"/>
      <c r="P31" s="1233"/>
      <c r="Q31" s="1233"/>
      <c r="R31" s="1233"/>
      <c r="S31" s="1233"/>
      <c r="T31" s="1233"/>
      <c r="U31" s="1233"/>
      <c r="V31" s="1233"/>
      <c r="W31" s="1233"/>
      <c r="X31" s="1233"/>
      <c r="Y31" s="1233"/>
      <c r="Z31" s="1233"/>
      <c r="AA31" s="1233"/>
      <c r="AB31" s="1233"/>
      <c r="AC31" s="1233"/>
      <c r="AD31" s="1233"/>
      <c r="AE31" s="1233"/>
      <c r="AF31" s="1233"/>
      <c r="AG31" s="1233"/>
      <c r="AH31" s="1233"/>
      <c r="AI31" s="1233"/>
      <c r="AJ31" s="1233"/>
      <c r="AK31" s="1402"/>
      <c r="AR31" s="488"/>
      <c r="AS31" s="1700" t="s">
        <v>740</v>
      </c>
      <c r="AT31" s="1700"/>
      <c r="AU31" s="1700"/>
      <c r="AV31" s="1700"/>
      <c r="AW31" s="1700"/>
      <c r="AX31" s="1700"/>
      <c r="AY31" s="1700"/>
      <c r="AZ31" s="1700"/>
      <c r="BA31" s="1700"/>
      <c r="BB31" s="1700"/>
      <c r="BC31" s="1700"/>
      <c r="BD31" s="1700"/>
      <c r="BE31" s="1700"/>
      <c r="BF31" s="1700"/>
      <c r="BG31" s="1700"/>
      <c r="BH31" s="1700"/>
      <c r="BI31" s="1700"/>
      <c r="BJ31" s="1700"/>
      <c r="BK31" s="1700"/>
      <c r="BL31" s="1700"/>
      <c r="BM31" s="1700"/>
      <c r="BN31" s="1700"/>
      <c r="BO31" s="1700"/>
      <c r="BP31" s="1700"/>
      <c r="BQ31" s="1700"/>
      <c r="BR31" s="1700"/>
      <c r="BS31" s="1700"/>
      <c r="BT31" s="1700"/>
      <c r="BU31" s="1700"/>
      <c r="BV31" s="1700"/>
      <c r="BW31" s="1700"/>
      <c r="BX31" s="1700"/>
      <c r="BY31" s="489"/>
    </row>
    <row r="32" spans="1:77" s="22" customFormat="1" ht="11.25" customHeight="1">
      <c r="A32" s="57"/>
      <c r="B32" s="57"/>
      <c r="C32" s="1202"/>
      <c r="D32" s="1233"/>
      <c r="E32" s="1233"/>
      <c r="F32" s="1233"/>
      <c r="G32" s="1233"/>
      <c r="H32" s="1233"/>
      <c r="I32" s="1233"/>
      <c r="J32" s="1233"/>
      <c r="K32" s="1233"/>
      <c r="L32" s="1233"/>
      <c r="M32" s="1233"/>
      <c r="N32" s="1233"/>
      <c r="O32" s="1233"/>
      <c r="P32" s="1233"/>
      <c r="Q32" s="1233"/>
      <c r="R32" s="1233"/>
      <c r="S32" s="1233"/>
      <c r="T32" s="1233"/>
      <c r="U32" s="1233"/>
      <c r="V32" s="1233"/>
      <c r="W32" s="1233"/>
      <c r="X32" s="1233"/>
      <c r="Y32" s="1233"/>
      <c r="Z32" s="1233"/>
      <c r="AA32" s="1233"/>
      <c r="AB32" s="1233"/>
      <c r="AC32" s="1233"/>
      <c r="AD32" s="1233"/>
      <c r="AE32" s="1233"/>
      <c r="AF32" s="1233"/>
      <c r="AG32" s="1233"/>
      <c r="AH32" s="1233"/>
      <c r="AI32" s="1233"/>
      <c r="AJ32" s="1233"/>
      <c r="AK32" s="1402"/>
      <c r="AR32" s="488"/>
      <c r="AS32" s="1700"/>
      <c r="AT32" s="1700"/>
      <c r="AU32" s="1700"/>
      <c r="AV32" s="1700"/>
      <c r="AW32" s="1700"/>
      <c r="AX32" s="1700"/>
      <c r="AY32" s="1700"/>
      <c r="AZ32" s="1700"/>
      <c r="BA32" s="1700"/>
      <c r="BB32" s="1700"/>
      <c r="BC32" s="1700"/>
      <c r="BD32" s="1700"/>
      <c r="BE32" s="1700"/>
      <c r="BF32" s="1700"/>
      <c r="BG32" s="1700"/>
      <c r="BH32" s="1700"/>
      <c r="BI32" s="1700"/>
      <c r="BJ32" s="1700"/>
      <c r="BK32" s="1700"/>
      <c r="BL32" s="1700"/>
      <c r="BM32" s="1700"/>
      <c r="BN32" s="1700"/>
      <c r="BO32" s="1700"/>
      <c r="BP32" s="1700"/>
      <c r="BQ32" s="1700"/>
      <c r="BR32" s="1700"/>
      <c r="BS32" s="1700"/>
      <c r="BT32" s="1700"/>
      <c r="BU32" s="1700"/>
      <c r="BV32" s="1700"/>
      <c r="BW32" s="1700"/>
      <c r="BX32" s="1700"/>
      <c r="BY32" s="489"/>
    </row>
    <row r="33" spans="1:78" s="22" customFormat="1" ht="11.25" customHeight="1">
      <c r="A33" s="57"/>
      <c r="B33" s="57"/>
      <c r="C33" s="1202" t="s">
        <v>346</v>
      </c>
      <c r="D33" s="1233"/>
      <c r="E33" s="1233"/>
      <c r="F33" s="1233"/>
      <c r="G33" s="1233"/>
      <c r="H33" s="1233"/>
      <c r="I33" s="1233"/>
      <c r="J33" s="1233"/>
      <c r="K33" s="1233"/>
      <c r="L33" s="1233"/>
      <c r="M33" s="1233"/>
      <c r="N33" s="1233"/>
      <c r="O33" s="1233"/>
      <c r="P33" s="1233"/>
      <c r="Q33" s="1233"/>
      <c r="R33" s="1233"/>
      <c r="S33" s="1233"/>
      <c r="T33" s="1233"/>
      <c r="U33" s="1233"/>
      <c r="V33" s="1233"/>
      <c r="W33" s="1233"/>
      <c r="X33" s="1233"/>
      <c r="Y33" s="1233"/>
      <c r="Z33" s="1233"/>
      <c r="AA33" s="1233"/>
      <c r="AB33" s="1233"/>
      <c r="AC33" s="1233"/>
      <c r="AD33" s="1233"/>
      <c r="AE33" s="1233"/>
      <c r="AF33" s="1233"/>
      <c r="AG33" s="1233"/>
      <c r="AH33" s="1233"/>
      <c r="AI33" s="1233"/>
      <c r="AJ33" s="1233"/>
      <c r="AK33" s="1402"/>
      <c r="AR33" s="488"/>
      <c r="AS33" s="1700" t="s">
        <v>741</v>
      </c>
      <c r="AT33" s="1700"/>
      <c r="AU33" s="1700"/>
      <c r="AV33" s="1700"/>
      <c r="AW33" s="1700"/>
      <c r="AX33" s="1700"/>
      <c r="AY33" s="1700"/>
      <c r="AZ33" s="1700"/>
      <c r="BA33" s="1700"/>
      <c r="BB33" s="1700"/>
      <c r="BC33" s="1700"/>
      <c r="BD33" s="1700"/>
      <c r="BE33" s="1700"/>
      <c r="BF33" s="1700"/>
      <c r="BG33" s="1700"/>
      <c r="BH33" s="1700"/>
      <c r="BI33" s="1700"/>
      <c r="BJ33" s="1700"/>
      <c r="BK33" s="1700"/>
      <c r="BL33" s="1700"/>
      <c r="BM33" s="1700"/>
      <c r="BN33" s="1700"/>
      <c r="BO33" s="1700"/>
      <c r="BP33" s="1700"/>
      <c r="BQ33" s="1700"/>
      <c r="BR33" s="1700"/>
      <c r="BS33" s="1700"/>
      <c r="BT33" s="1700"/>
      <c r="BU33" s="1700"/>
      <c r="BV33" s="1700"/>
      <c r="BW33" s="1700"/>
      <c r="BX33" s="1700"/>
      <c r="BY33" s="489"/>
    </row>
    <row r="34" spans="1:78" s="22" customFormat="1" ht="11.25" customHeight="1">
      <c r="A34" s="57"/>
      <c r="B34" s="57"/>
      <c r="C34" s="1202"/>
      <c r="D34" s="1233"/>
      <c r="E34" s="1233"/>
      <c r="F34" s="1233"/>
      <c r="G34" s="1233"/>
      <c r="H34" s="1233"/>
      <c r="I34" s="1233"/>
      <c r="J34" s="1233"/>
      <c r="K34" s="1233"/>
      <c r="L34" s="1233"/>
      <c r="M34" s="1233"/>
      <c r="N34" s="1233"/>
      <c r="O34" s="1233"/>
      <c r="P34" s="1233"/>
      <c r="Q34" s="1233"/>
      <c r="R34" s="1233"/>
      <c r="S34" s="1233"/>
      <c r="T34" s="1233"/>
      <c r="U34" s="1233"/>
      <c r="V34" s="1233"/>
      <c r="W34" s="1233"/>
      <c r="X34" s="1233"/>
      <c r="Y34" s="1233"/>
      <c r="Z34" s="1233"/>
      <c r="AA34" s="1233"/>
      <c r="AB34" s="1233"/>
      <c r="AC34" s="1233"/>
      <c r="AD34" s="1233"/>
      <c r="AE34" s="1233"/>
      <c r="AF34" s="1233"/>
      <c r="AG34" s="1233"/>
      <c r="AH34" s="1233"/>
      <c r="AI34" s="1233"/>
      <c r="AJ34" s="1233"/>
      <c r="AK34" s="1402"/>
      <c r="AR34" s="488"/>
      <c r="AS34" s="1700"/>
      <c r="AT34" s="1700"/>
      <c r="AU34" s="1700"/>
      <c r="AV34" s="1700"/>
      <c r="AW34" s="1700"/>
      <c r="AX34" s="1700"/>
      <c r="AY34" s="1700"/>
      <c r="AZ34" s="1700"/>
      <c r="BA34" s="1700"/>
      <c r="BB34" s="1700"/>
      <c r="BC34" s="1700"/>
      <c r="BD34" s="1700"/>
      <c r="BE34" s="1700"/>
      <c r="BF34" s="1700"/>
      <c r="BG34" s="1700"/>
      <c r="BH34" s="1700"/>
      <c r="BI34" s="1700"/>
      <c r="BJ34" s="1700"/>
      <c r="BK34" s="1700"/>
      <c r="BL34" s="1700"/>
      <c r="BM34" s="1700"/>
      <c r="BN34" s="1700"/>
      <c r="BO34" s="1700"/>
      <c r="BP34" s="1700"/>
      <c r="BQ34" s="1700"/>
      <c r="BR34" s="1700"/>
      <c r="BS34" s="1700"/>
      <c r="BT34" s="1700"/>
      <c r="BU34" s="1700"/>
      <c r="BV34" s="1700"/>
      <c r="BW34" s="1700"/>
      <c r="BX34" s="1700"/>
      <c r="BY34" s="489"/>
    </row>
    <row r="35" spans="1:78" s="22" customFormat="1" ht="11.25" customHeight="1">
      <c r="A35" s="57"/>
      <c r="B35" s="57"/>
      <c r="C35" s="1202" t="s">
        <v>156</v>
      </c>
      <c r="D35" s="1233"/>
      <c r="E35" s="1233"/>
      <c r="F35" s="1233"/>
      <c r="G35" s="1233"/>
      <c r="H35" s="1233"/>
      <c r="I35" s="1233"/>
      <c r="J35" s="1233"/>
      <c r="K35" s="1233"/>
      <c r="L35" s="1233"/>
      <c r="M35" s="1233"/>
      <c r="N35" s="1233"/>
      <c r="O35" s="1233"/>
      <c r="P35" s="1233"/>
      <c r="Q35" s="1233"/>
      <c r="R35" s="1233"/>
      <c r="S35" s="1233"/>
      <c r="T35" s="1233"/>
      <c r="U35" s="1233"/>
      <c r="V35" s="1233"/>
      <c r="W35" s="1233"/>
      <c r="X35" s="1233"/>
      <c r="Y35" s="1233"/>
      <c r="Z35" s="1233"/>
      <c r="AA35" s="1233"/>
      <c r="AB35" s="1233"/>
      <c r="AC35" s="1233"/>
      <c r="AD35" s="1233"/>
      <c r="AE35" s="1233"/>
      <c r="AF35" s="1233"/>
      <c r="AG35" s="1233"/>
      <c r="AH35" s="1233"/>
      <c r="AI35" s="1233"/>
      <c r="AJ35" s="1233"/>
      <c r="AK35" s="1402"/>
      <c r="AR35" s="490"/>
      <c r="AS35" s="1701" t="s">
        <v>742</v>
      </c>
      <c r="AT35" s="1701"/>
      <c r="AU35" s="1701"/>
      <c r="AV35" s="1701"/>
      <c r="AW35" s="1701"/>
      <c r="AX35" s="1701"/>
      <c r="AY35" s="1701"/>
      <c r="AZ35" s="1701"/>
      <c r="BA35" s="1701"/>
      <c r="BB35" s="1701"/>
      <c r="BC35" s="1701"/>
      <c r="BD35" s="1701"/>
      <c r="BE35" s="1701"/>
      <c r="BF35" s="1701"/>
      <c r="BG35" s="1701"/>
      <c r="BH35" s="1701"/>
      <c r="BI35" s="1701"/>
      <c r="BJ35" s="1701"/>
      <c r="BK35" s="1701"/>
      <c r="BL35" s="1701"/>
      <c r="BM35" s="1701"/>
      <c r="BN35" s="1701"/>
      <c r="BO35" s="1701"/>
      <c r="BP35" s="1701"/>
      <c r="BQ35" s="1701"/>
      <c r="BR35" s="1701"/>
      <c r="BS35" s="1701"/>
      <c r="BT35" s="1701"/>
      <c r="BU35" s="1701"/>
      <c r="BV35" s="1701"/>
      <c r="BW35" s="1701"/>
      <c r="BX35" s="1701"/>
      <c r="BY35" s="491"/>
    </row>
    <row r="36" spans="1:78" s="22" customFormat="1" ht="11.25" customHeight="1">
      <c r="A36" s="57"/>
      <c r="B36" s="57"/>
      <c r="C36" s="1202"/>
      <c r="D36" s="1233"/>
      <c r="E36" s="1233"/>
      <c r="F36" s="1233"/>
      <c r="G36" s="1233"/>
      <c r="H36" s="1233"/>
      <c r="I36" s="1233"/>
      <c r="J36" s="1233"/>
      <c r="K36" s="1233"/>
      <c r="L36" s="1233"/>
      <c r="M36" s="1233"/>
      <c r="N36" s="1233"/>
      <c r="O36" s="1233"/>
      <c r="P36" s="1233"/>
      <c r="Q36" s="1233"/>
      <c r="R36" s="1233"/>
      <c r="S36" s="1233"/>
      <c r="T36" s="1233"/>
      <c r="U36" s="1233"/>
      <c r="V36" s="1233"/>
      <c r="W36" s="1233"/>
      <c r="X36" s="1233"/>
      <c r="Y36" s="1233"/>
      <c r="Z36" s="1233"/>
      <c r="AA36" s="1233"/>
      <c r="AB36" s="1233"/>
      <c r="AC36" s="1233"/>
      <c r="AD36" s="1233"/>
      <c r="AE36" s="1233"/>
      <c r="AF36" s="1233"/>
      <c r="AG36" s="1233"/>
      <c r="AH36" s="1233"/>
      <c r="AI36" s="1233"/>
      <c r="AJ36" s="1233"/>
      <c r="AK36" s="1402"/>
      <c r="AR36" s="490"/>
      <c r="AS36" s="1701"/>
      <c r="AT36" s="1701"/>
      <c r="AU36" s="1701"/>
      <c r="AV36" s="1701"/>
      <c r="AW36" s="1701"/>
      <c r="AX36" s="1701"/>
      <c r="AY36" s="1701"/>
      <c r="AZ36" s="1701"/>
      <c r="BA36" s="1701"/>
      <c r="BB36" s="1701"/>
      <c r="BC36" s="1701"/>
      <c r="BD36" s="1701"/>
      <c r="BE36" s="1701"/>
      <c r="BF36" s="1701"/>
      <c r="BG36" s="1701"/>
      <c r="BH36" s="1701"/>
      <c r="BI36" s="1701"/>
      <c r="BJ36" s="1701"/>
      <c r="BK36" s="1701"/>
      <c r="BL36" s="1701"/>
      <c r="BM36" s="1701"/>
      <c r="BN36" s="1701"/>
      <c r="BO36" s="1701"/>
      <c r="BP36" s="1701"/>
      <c r="BQ36" s="1701"/>
      <c r="BR36" s="1701"/>
      <c r="BS36" s="1701"/>
      <c r="BT36" s="1701"/>
      <c r="BU36" s="1701"/>
      <c r="BV36" s="1701"/>
      <c r="BW36" s="1701"/>
      <c r="BX36" s="1701"/>
      <c r="BY36" s="491"/>
    </row>
    <row r="37" spans="1:78" s="22" customFormat="1" ht="11.25" customHeight="1">
      <c r="A37" s="57"/>
      <c r="B37" s="57"/>
      <c r="C37" s="1202" t="s">
        <v>157</v>
      </c>
      <c r="D37" s="1233"/>
      <c r="E37" s="1233"/>
      <c r="F37" s="1233"/>
      <c r="G37" s="1233"/>
      <c r="H37" s="1233"/>
      <c r="I37" s="1233"/>
      <c r="J37" s="1233"/>
      <c r="K37" s="1233"/>
      <c r="L37" s="1233"/>
      <c r="M37" s="1233"/>
      <c r="N37" s="1233"/>
      <c r="O37" s="1233"/>
      <c r="P37" s="1233"/>
      <c r="Q37" s="1233"/>
      <c r="R37" s="1233"/>
      <c r="S37" s="1233"/>
      <c r="T37" s="1233"/>
      <c r="U37" s="1233"/>
      <c r="V37" s="1233"/>
      <c r="W37" s="1233"/>
      <c r="X37" s="1233"/>
      <c r="Y37" s="1233"/>
      <c r="Z37" s="1233"/>
      <c r="AA37" s="1233"/>
      <c r="AB37" s="1233"/>
      <c r="AC37" s="1233"/>
      <c r="AD37" s="1233"/>
      <c r="AE37" s="1233"/>
      <c r="AF37" s="1233"/>
      <c r="AG37" s="1233"/>
      <c r="AH37" s="1233"/>
      <c r="AI37" s="1233"/>
      <c r="AJ37" s="1233"/>
      <c r="AK37" s="1402"/>
      <c r="AR37" s="490"/>
      <c r="AS37" s="1701"/>
      <c r="AT37" s="1701"/>
      <c r="AU37" s="1701"/>
      <c r="AV37" s="1701"/>
      <c r="AW37" s="1701"/>
      <c r="AX37" s="1701"/>
      <c r="AY37" s="1701"/>
      <c r="AZ37" s="1701"/>
      <c r="BA37" s="1701"/>
      <c r="BB37" s="1701"/>
      <c r="BC37" s="1701"/>
      <c r="BD37" s="1701"/>
      <c r="BE37" s="1701"/>
      <c r="BF37" s="1701"/>
      <c r="BG37" s="1701"/>
      <c r="BH37" s="1701"/>
      <c r="BI37" s="1701"/>
      <c r="BJ37" s="1701"/>
      <c r="BK37" s="1701"/>
      <c r="BL37" s="1701"/>
      <c r="BM37" s="1701"/>
      <c r="BN37" s="1701"/>
      <c r="BO37" s="1701"/>
      <c r="BP37" s="1701"/>
      <c r="BQ37" s="1701"/>
      <c r="BR37" s="1701"/>
      <c r="BS37" s="1701"/>
      <c r="BT37" s="1701"/>
      <c r="BU37" s="1701"/>
      <c r="BV37" s="1701"/>
      <c r="BW37" s="1701"/>
      <c r="BX37" s="1701"/>
      <c r="BY37" s="491"/>
    </row>
    <row r="38" spans="1:78" s="22" customFormat="1" ht="18" customHeight="1">
      <c r="A38" s="57"/>
      <c r="B38" s="57"/>
      <c r="C38" s="1202"/>
      <c r="D38" s="1233"/>
      <c r="E38" s="1233"/>
      <c r="F38" s="1233"/>
      <c r="G38" s="1233"/>
      <c r="H38" s="1233"/>
      <c r="I38" s="1233"/>
      <c r="J38" s="1233"/>
      <c r="K38" s="1233"/>
      <c r="L38" s="1233"/>
      <c r="M38" s="1233"/>
      <c r="N38" s="1233"/>
      <c r="O38" s="1233"/>
      <c r="P38" s="1233"/>
      <c r="Q38" s="1233"/>
      <c r="R38" s="1233"/>
      <c r="S38" s="1233"/>
      <c r="T38" s="1233"/>
      <c r="U38" s="1233"/>
      <c r="V38" s="1233"/>
      <c r="W38" s="1233"/>
      <c r="X38" s="1233"/>
      <c r="Y38" s="1233"/>
      <c r="Z38" s="1233"/>
      <c r="AA38" s="1233"/>
      <c r="AB38" s="1233"/>
      <c r="AC38" s="1233"/>
      <c r="AD38" s="1233"/>
      <c r="AE38" s="1233"/>
      <c r="AF38" s="1233"/>
      <c r="AG38" s="1233"/>
      <c r="AH38" s="1233"/>
      <c r="AI38" s="1233"/>
      <c r="AJ38" s="1233"/>
      <c r="AK38" s="1402"/>
      <c r="AR38" s="490"/>
      <c r="AS38" s="1701"/>
      <c r="AT38" s="1701"/>
      <c r="AU38" s="1701"/>
      <c r="AV38" s="1701"/>
      <c r="AW38" s="1701"/>
      <c r="AX38" s="1701"/>
      <c r="AY38" s="1701"/>
      <c r="AZ38" s="1701"/>
      <c r="BA38" s="1701"/>
      <c r="BB38" s="1701"/>
      <c r="BC38" s="1701"/>
      <c r="BD38" s="1701"/>
      <c r="BE38" s="1701"/>
      <c r="BF38" s="1701"/>
      <c r="BG38" s="1701"/>
      <c r="BH38" s="1701"/>
      <c r="BI38" s="1701"/>
      <c r="BJ38" s="1701"/>
      <c r="BK38" s="1701"/>
      <c r="BL38" s="1701"/>
      <c r="BM38" s="1701"/>
      <c r="BN38" s="1701"/>
      <c r="BO38" s="1701"/>
      <c r="BP38" s="1701"/>
      <c r="BQ38" s="1701"/>
      <c r="BR38" s="1701"/>
      <c r="BS38" s="1701"/>
      <c r="BT38" s="1701"/>
      <c r="BU38" s="1701"/>
      <c r="BV38" s="1701"/>
      <c r="BW38" s="1701"/>
      <c r="BX38" s="1701"/>
      <c r="BY38" s="491"/>
    </row>
    <row r="39" spans="1:78" s="22" customFormat="1" ht="11.25" customHeight="1">
      <c r="A39" s="57"/>
      <c r="B39" s="57"/>
      <c r="C39" s="1202" t="s">
        <v>158</v>
      </c>
      <c r="D39" s="1233"/>
      <c r="E39" s="1233"/>
      <c r="F39" s="1233"/>
      <c r="G39" s="1233"/>
      <c r="H39" s="1233"/>
      <c r="I39" s="1233"/>
      <c r="J39" s="1233"/>
      <c r="K39" s="1233"/>
      <c r="L39" s="1233"/>
      <c r="M39" s="1233"/>
      <c r="N39" s="1233"/>
      <c r="O39" s="1233"/>
      <c r="P39" s="1233"/>
      <c r="Q39" s="1233"/>
      <c r="R39" s="1233"/>
      <c r="S39" s="1233"/>
      <c r="T39" s="1233"/>
      <c r="U39" s="1233"/>
      <c r="V39" s="1233"/>
      <c r="W39" s="1233"/>
      <c r="X39" s="1233"/>
      <c r="Y39" s="1233"/>
      <c r="Z39" s="1233"/>
      <c r="AA39" s="1233"/>
      <c r="AB39" s="1233"/>
      <c r="AC39" s="1233"/>
      <c r="AD39" s="1233"/>
      <c r="AE39" s="1233"/>
      <c r="AF39" s="1233"/>
      <c r="AG39" s="1233"/>
      <c r="AH39" s="1233"/>
      <c r="AI39" s="1233"/>
      <c r="AJ39" s="1233"/>
      <c r="AK39" s="1402"/>
      <c r="AR39" s="25"/>
      <c r="AS39" s="1701"/>
      <c r="AT39" s="1701"/>
      <c r="AU39" s="1701"/>
      <c r="AV39" s="1701"/>
      <c r="AW39" s="1701"/>
      <c r="AX39" s="1701"/>
      <c r="AY39" s="1701"/>
      <c r="AZ39" s="1701"/>
      <c r="BA39" s="1701"/>
      <c r="BB39" s="1701"/>
      <c r="BC39" s="1701"/>
      <c r="BD39" s="1701"/>
      <c r="BE39" s="1701"/>
      <c r="BF39" s="1701"/>
      <c r="BG39" s="1701"/>
      <c r="BH39" s="1701"/>
      <c r="BI39" s="1701"/>
      <c r="BJ39" s="1701"/>
      <c r="BK39" s="1701"/>
      <c r="BL39" s="1701"/>
      <c r="BM39" s="1701"/>
      <c r="BN39" s="1701"/>
      <c r="BO39" s="1701"/>
      <c r="BP39" s="1701"/>
      <c r="BQ39" s="1701"/>
      <c r="BR39" s="1701"/>
      <c r="BS39" s="1701"/>
      <c r="BT39" s="1701"/>
      <c r="BU39" s="1701"/>
      <c r="BV39" s="1701"/>
      <c r="BW39" s="1701"/>
      <c r="BX39" s="1701"/>
      <c r="BY39" s="23"/>
    </row>
    <row r="40" spans="1:78" s="22" customFormat="1" ht="11.25" customHeight="1">
      <c r="A40" s="57"/>
      <c r="B40" s="57"/>
      <c r="C40" s="1449"/>
      <c r="D40" s="1450"/>
      <c r="E40" s="1450"/>
      <c r="F40" s="1450"/>
      <c r="G40" s="1450"/>
      <c r="H40" s="1450"/>
      <c r="I40" s="1450"/>
      <c r="J40" s="1450"/>
      <c r="K40" s="1450"/>
      <c r="L40" s="1450"/>
      <c r="M40" s="1450"/>
      <c r="N40" s="1450"/>
      <c r="O40" s="1450"/>
      <c r="P40" s="1450"/>
      <c r="Q40" s="1450"/>
      <c r="R40" s="1450"/>
      <c r="S40" s="1450"/>
      <c r="T40" s="1450"/>
      <c r="U40" s="1450"/>
      <c r="V40" s="1450"/>
      <c r="W40" s="1450"/>
      <c r="X40" s="1450"/>
      <c r="Y40" s="1450"/>
      <c r="Z40" s="1450"/>
      <c r="AA40" s="1450"/>
      <c r="AB40" s="1450"/>
      <c r="AC40" s="1450"/>
      <c r="AD40" s="1450"/>
      <c r="AE40" s="1450"/>
      <c r="AF40" s="1450"/>
      <c r="AG40" s="1450"/>
      <c r="AH40" s="1450"/>
      <c r="AI40" s="1450"/>
      <c r="AJ40" s="1450"/>
      <c r="AK40" s="1451"/>
      <c r="AR40" s="492"/>
      <c r="AS40" s="1701"/>
      <c r="AT40" s="1701"/>
      <c r="AU40" s="1701"/>
      <c r="AV40" s="1701"/>
      <c r="AW40" s="1701"/>
      <c r="AX40" s="1701"/>
      <c r="AY40" s="1701"/>
      <c r="AZ40" s="1701"/>
      <c r="BA40" s="1701"/>
      <c r="BB40" s="1701"/>
      <c r="BC40" s="1701"/>
      <c r="BD40" s="1701"/>
      <c r="BE40" s="1701"/>
      <c r="BF40" s="1701"/>
      <c r="BG40" s="1701"/>
      <c r="BH40" s="1701"/>
      <c r="BI40" s="1701"/>
      <c r="BJ40" s="1701"/>
      <c r="BK40" s="1701"/>
      <c r="BL40" s="1701"/>
      <c r="BM40" s="1701"/>
      <c r="BN40" s="1701"/>
      <c r="BO40" s="1701"/>
      <c r="BP40" s="1701"/>
      <c r="BQ40" s="1701"/>
      <c r="BR40" s="1701"/>
      <c r="BS40" s="1701"/>
      <c r="BT40" s="1701"/>
      <c r="BU40" s="1701"/>
      <c r="BV40" s="1701"/>
      <c r="BW40" s="1701"/>
      <c r="BX40" s="1701"/>
      <c r="BY40" s="493"/>
    </row>
    <row r="41" spans="1:78" s="22" customFormat="1" ht="11.25" customHeight="1">
      <c r="A41" s="57"/>
      <c r="B41" s="57"/>
      <c r="AR41" s="1202" t="s">
        <v>424</v>
      </c>
      <c r="AS41" s="1233"/>
      <c r="AT41" s="1233"/>
      <c r="AU41" s="1233"/>
      <c r="AV41" s="1233"/>
      <c r="AW41" s="1233"/>
      <c r="AX41" s="1233"/>
      <c r="AY41" s="1233"/>
      <c r="AZ41" s="1233"/>
      <c r="BA41" s="1233"/>
      <c r="BB41" s="1233"/>
      <c r="BC41" s="1233"/>
      <c r="BD41" s="1233"/>
      <c r="BE41" s="1233"/>
      <c r="BF41" s="1233"/>
      <c r="BG41" s="1233"/>
      <c r="BH41" s="1233"/>
      <c r="BI41" s="1233"/>
      <c r="BJ41" s="1233"/>
      <c r="BK41" s="1233"/>
      <c r="BL41" s="1233"/>
      <c r="BM41" s="1233"/>
      <c r="BN41" s="1233"/>
      <c r="BO41" s="1233"/>
      <c r="BP41" s="1233"/>
      <c r="BQ41" s="1233"/>
      <c r="BR41" s="1233"/>
      <c r="BS41" s="1233"/>
      <c r="BT41" s="1233"/>
      <c r="BU41" s="1233"/>
      <c r="BV41" s="1233"/>
      <c r="BW41" s="1233"/>
      <c r="BX41" s="1233"/>
      <c r="BY41" s="1402"/>
    </row>
    <row r="42" spans="1:78" s="22" customFormat="1" ht="11.25" customHeight="1">
      <c r="A42" s="863" t="s">
        <v>89</v>
      </c>
      <c r="B42" s="1236"/>
      <c r="C42" s="1689" t="s">
        <v>757</v>
      </c>
      <c r="D42" s="1690"/>
      <c r="E42" s="1690"/>
      <c r="F42" s="1690"/>
      <c r="G42" s="1690"/>
      <c r="H42" s="1690"/>
      <c r="I42" s="1690"/>
      <c r="J42" s="1690"/>
      <c r="K42" s="1690"/>
      <c r="L42" s="1690"/>
      <c r="M42" s="1690"/>
      <c r="N42" s="1690"/>
      <c r="O42" s="1690"/>
      <c r="P42" s="1690"/>
      <c r="Q42" s="1690"/>
      <c r="R42" s="1690"/>
      <c r="S42" s="1690"/>
      <c r="T42" s="1690"/>
      <c r="U42" s="1690"/>
      <c r="V42" s="1690"/>
      <c r="W42" s="1690"/>
      <c r="X42" s="1690"/>
      <c r="Y42" s="1690"/>
      <c r="Z42" s="1690"/>
      <c r="AA42" s="1690"/>
      <c r="AB42" s="1690"/>
      <c r="AC42" s="1690"/>
      <c r="AD42" s="1690"/>
      <c r="AE42" s="1690"/>
      <c r="AF42" s="1690"/>
      <c r="AG42" s="1690"/>
      <c r="AH42" s="1690"/>
      <c r="AI42" s="1690"/>
      <c r="AJ42" s="1690"/>
      <c r="AK42" s="1691"/>
      <c r="AR42" s="1202"/>
      <c r="AS42" s="1233"/>
      <c r="AT42" s="1233"/>
      <c r="AU42" s="1233"/>
      <c r="AV42" s="1233"/>
      <c r="AW42" s="1233"/>
      <c r="AX42" s="1233"/>
      <c r="AY42" s="1233"/>
      <c r="AZ42" s="1233"/>
      <c r="BA42" s="1233"/>
      <c r="BB42" s="1233"/>
      <c r="BC42" s="1233"/>
      <c r="BD42" s="1233"/>
      <c r="BE42" s="1233"/>
      <c r="BF42" s="1233"/>
      <c r="BG42" s="1233"/>
      <c r="BH42" s="1233"/>
      <c r="BI42" s="1233"/>
      <c r="BJ42" s="1233"/>
      <c r="BK42" s="1233"/>
      <c r="BL42" s="1233"/>
      <c r="BM42" s="1233"/>
      <c r="BN42" s="1233"/>
      <c r="BO42" s="1233"/>
      <c r="BP42" s="1233"/>
      <c r="BQ42" s="1233"/>
      <c r="BR42" s="1233"/>
      <c r="BS42" s="1233"/>
      <c r="BT42" s="1233"/>
      <c r="BU42" s="1233"/>
      <c r="BV42" s="1233"/>
      <c r="BW42" s="1233"/>
      <c r="BX42" s="1233"/>
      <c r="BY42" s="1402"/>
    </row>
    <row r="43" spans="1:78" s="22" customFormat="1" ht="11.25" customHeight="1">
      <c r="A43" s="863"/>
      <c r="B43" s="1236"/>
      <c r="C43" s="1692"/>
      <c r="D43" s="1693"/>
      <c r="E43" s="1693"/>
      <c r="F43" s="1693"/>
      <c r="G43" s="1693"/>
      <c r="H43" s="1693"/>
      <c r="I43" s="1693"/>
      <c r="J43" s="1693"/>
      <c r="K43" s="1693"/>
      <c r="L43" s="1693"/>
      <c r="M43" s="1693"/>
      <c r="N43" s="1693"/>
      <c r="O43" s="1693"/>
      <c r="P43" s="1693"/>
      <c r="Q43" s="1693"/>
      <c r="R43" s="1693"/>
      <c r="S43" s="1693"/>
      <c r="T43" s="1693"/>
      <c r="U43" s="1693"/>
      <c r="V43" s="1693"/>
      <c r="W43" s="1693"/>
      <c r="X43" s="1693"/>
      <c r="Y43" s="1693"/>
      <c r="Z43" s="1693"/>
      <c r="AA43" s="1693"/>
      <c r="AB43" s="1693"/>
      <c r="AC43" s="1693"/>
      <c r="AD43" s="1693"/>
      <c r="AE43" s="1693"/>
      <c r="AF43" s="1693"/>
      <c r="AG43" s="1693"/>
      <c r="AH43" s="1693"/>
      <c r="AI43" s="1693"/>
      <c r="AJ43" s="1693"/>
      <c r="AK43" s="1694"/>
      <c r="AR43" s="1202" t="s">
        <v>425</v>
      </c>
      <c r="AS43" s="1233"/>
      <c r="AT43" s="1233"/>
      <c r="AU43" s="1233"/>
      <c r="AV43" s="1233"/>
      <c r="AW43" s="1233"/>
      <c r="AX43" s="1233"/>
      <c r="AY43" s="1233"/>
      <c r="AZ43" s="1233"/>
      <c r="BA43" s="1233"/>
      <c r="BB43" s="1233"/>
      <c r="BC43" s="1233"/>
      <c r="BD43" s="1233"/>
      <c r="BE43" s="1233"/>
      <c r="BF43" s="1233"/>
      <c r="BG43" s="1233"/>
      <c r="BH43" s="1233"/>
      <c r="BI43" s="1233"/>
      <c r="BJ43" s="1233"/>
      <c r="BK43" s="1233"/>
      <c r="BL43" s="1233"/>
      <c r="BM43" s="1233"/>
      <c r="BN43" s="1233"/>
      <c r="BO43" s="1233"/>
      <c r="BP43" s="1233"/>
      <c r="BQ43" s="1233"/>
      <c r="BR43" s="1233"/>
      <c r="BS43" s="1233"/>
      <c r="BT43" s="1233"/>
      <c r="BU43" s="1233"/>
      <c r="BV43" s="1233"/>
      <c r="BW43" s="1233"/>
      <c r="BX43" s="1233"/>
      <c r="BY43" s="1402"/>
    </row>
    <row r="44" spans="1:78" s="22" customFormat="1" ht="11.25" customHeight="1">
      <c r="A44" s="57"/>
      <c r="B44" s="57"/>
      <c r="C44" s="1202" t="s">
        <v>159</v>
      </c>
      <c r="D44" s="1233"/>
      <c r="E44" s="1233"/>
      <c r="F44" s="1233"/>
      <c r="G44" s="1233"/>
      <c r="H44" s="1233"/>
      <c r="I44" s="1233"/>
      <c r="J44" s="1233"/>
      <c r="K44" s="1233"/>
      <c r="L44" s="1233"/>
      <c r="M44" s="1233"/>
      <c r="N44" s="1233"/>
      <c r="O44" s="1233"/>
      <c r="P44" s="1233"/>
      <c r="Q44" s="1233"/>
      <c r="R44" s="1233"/>
      <c r="S44" s="1233"/>
      <c r="T44" s="1233"/>
      <c r="U44" s="1233"/>
      <c r="V44" s="1233"/>
      <c r="W44" s="1233"/>
      <c r="X44" s="1233"/>
      <c r="Y44" s="1233"/>
      <c r="Z44" s="1233"/>
      <c r="AA44" s="1233"/>
      <c r="AB44" s="1233"/>
      <c r="AC44" s="1233"/>
      <c r="AD44" s="1233"/>
      <c r="AE44" s="1233"/>
      <c r="AF44" s="1233"/>
      <c r="AG44" s="1233"/>
      <c r="AH44" s="1233"/>
      <c r="AI44" s="1233"/>
      <c r="AJ44" s="1233"/>
      <c r="AK44" s="1402"/>
      <c r="AR44" s="1449"/>
      <c r="AS44" s="1450"/>
      <c r="AT44" s="1450"/>
      <c r="AU44" s="1450"/>
      <c r="AV44" s="1450"/>
      <c r="AW44" s="1450"/>
      <c r="AX44" s="1450"/>
      <c r="AY44" s="1450"/>
      <c r="AZ44" s="1450"/>
      <c r="BA44" s="1450"/>
      <c r="BB44" s="1450"/>
      <c r="BC44" s="1450"/>
      <c r="BD44" s="1450"/>
      <c r="BE44" s="1450"/>
      <c r="BF44" s="1450"/>
      <c r="BG44" s="1450"/>
      <c r="BH44" s="1450"/>
      <c r="BI44" s="1450"/>
      <c r="BJ44" s="1450"/>
      <c r="BK44" s="1450"/>
      <c r="BL44" s="1450"/>
      <c r="BM44" s="1450"/>
      <c r="BN44" s="1450"/>
      <c r="BO44" s="1450"/>
      <c r="BP44" s="1450"/>
      <c r="BQ44" s="1450"/>
      <c r="BR44" s="1450"/>
      <c r="BS44" s="1450"/>
      <c r="BT44" s="1450"/>
      <c r="BU44" s="1450"/>
      <c r="BV44" s="1450"/>
      <c r="BW44" s="1450"/>
      <c r="BX44" s="1450"/>
      <c r="BY44" s="1451"/>
    </row>
    <row r="45" spans="1:78" s="22" customFormat="1" ht="11.25" customHeight="1">
      <c r="A45" s="57"/>
      <c r="B45" s="57"/>
      <c r="C45" s="1202"/>
      <c r="D45" s="1233"/>
      <c r="E45" s="1233"/>
      <c r="F45" s="1233"/>
      <c r="G45" s="1233"/>
      <c r="H45" s="1233"/>
      <c r="I45" s="1233"/>
      <c r="J45" s="1233"/>
      <c r="K45" s="1233"/>
      <c r="L45" s="1233"/>
      <c r="M45" s="1233"/>
      <c r="N45" s="1233"/>
      <c r="O45" s="1233"/>
      <c r="P45" s="1233"/>
      <c r="Q45" s="1233"/>
      <c r="R45" s="1233"/>
      <c r="S45" s="1233"/>
      <c r="T45" s="1233"/>
      <c r="U45" s="1233"/>
      <c r="V45" s="1233"/>
      <c r="W45" s="1233"/>
      <c r="X45" s="1233"/>
      <c r="Y45" s="1233"/>
      <c r="Z45" s="1233"/>
      <c r="AA45" s="1233"/>
      <c r="AB45" s="1233"/>
      <c r="AC45" s="1233"/>
      <c r="AD45" s="1233"/>
      <c r="AE45" s="1233"/>
      <c r="AF45" s="1233"/>
      <c r="AG45" s="1233"/>
      <c r="AH45" s="1233"/>
      <c r="AI45" s="1233"/>
      <c r="AJ45" s="1233"/>
      <c r="AK45" s="1402"/>
      <c r="AR45" s="24"/>
      <c r="AS45" s="24"/>
      <c r="AT45" s="24"/>
      <c r="AU45" s="24"/>
      <c r="AV45" s="24"/>
      <c r="AW45" s="24"/>
      <c r="AX45" s="24"/>
      <c r="AY45" s="24"/>
      <c r="AZ45" s="24"/>
      <c r="BA45" s="24"/>
      <c r="BB45" s="24"/>
      <c r="BC45" s="24"/>
      <c r="BD45" s="24"/>
      <c r="BE45" s="24"/>
      <c r="BF45" s="24"/>
      <c r="BG45" s="24"/>
      <c r="BH45" s="24"/>
      <c r="BI45" s="24"/>
      <c r="BJ45" s="24"/>
      <c r="BK45" s="24"/>
      <c r="BL45" s="24"/>
      <c r="BM45" s="24"/>
      <c r="BN45" s="24"/>
      <c r="BO45" s="24"/>
      <c r="BP45" s="24"/>
      <c r="BQ45" s="24"/>
      <c r="BR45" s="24"/>
      <c r="BS45" s="24"/>
      <c r="BT45" s="24"/>
      <c r="BU45" s="24"/>
      <c r="BV45" s="24"/>
      <c r="BW45" s="24"/>
      <c r="BX45" s="24"/>
      <c r="BY45" s="24"/>
    </row>
    <row r="46" spans="1:78" s="22" customFormat="1" ht="11.25" customHeight="1">
      <c r="A46" s="57"/>
      <c r="B46" s="57"/>
      <c r="C46" s="1202" t="s">
        <v>312</v>
      </c>
      <c r="D46" s="1233"/>
      <c r="E46" s="1233"/>
      <c r="F46" s="1233"/>
      <c r="G46" s="1233"/>
      <c r="H46" s="1233"/>
      <c r="I46" s="1233"/>
      <c r="J46" s="1233"/>
      <c r="K46" s="1233"/>
      <c r="L46" s="1233"/>
      <c r="M46" s="1233"/>
      <c r="N46" s="1233"/>
      <c r="O46" s="1233"/>
      <c r="P46" s="1233"/>
      <c r="Q46" s="1233"/>
      <c r="R46" s="1233"/>
      <c r="S46" s="1233"/>
      <c r="T46" s="1233"/>
      <c r="U46" s="1233"/>
      <c r="V46" s="1233"/>
      <c r="W46" s="1233"/>
      <c r="X46" s="1233"/>
      <c r="Y46" s="1233"/>
      <c r="Z46" s="1233"/>
      <c r="AA46" s="1233"/>
      <c r="AB46" s="1233"/>
      <c r="AC46" s="1233"/>
      <c r="AD46" s="1233"/>
      <c r="AE46" s="1233"/>
      <c r="AF46" s="1233"/>
      <c r="AG46" s="1233"/>
      <c r="AH46" s="1233"/>
      <c r="AI46" s="1233"/>
      <c r="AJ46" s="1233"/>
      <c r="AK46" s="1402"/>
      <c r="AR46" s="286"/>
      <c r="AS46" s="286"/>
      <c r="AT46" s="286"/>
      <c r="AU46" s="286"/>
      <c r="AV46" s="286"/>
      <c r="AW46" s="286"/>
      <c r="AX46" s="286"/>
      <c r="AY46" s="286"/>
      <c r="AZ46" s="286"/>
      <c r="BA46" s="286"/>
      <c r="BB46" s="286"/>
      <c r="BC46" s="286"/>
      <c r="BD46" s="286"/>
      <c r="BE46" s="286"/>
      <c r="BF46" s="286"/>
      <c r="BG46" s="286"/>
      <c r="BH46" s="286"/>
      <c r="BI46" s="286"/>
      <c r="BJ46" s="286"/>
      <c r="BK46" s="286"/>
      <c r="BL46" s="286"/>
      <c r="BM46" s="286"/>
      <c r="BN46" s="286"/>
      <c r="BO46" s="286"/>
      <c r="BP46" s="286"/>
      <c r="BQ46" s="286"/>
      <c r="BR46" s="286"/>
      <c r="BS46" s="286"/>
      <c r="BT46" s="286"/>
      <c r="BU46" s="286"/>
      <c r="BV46" s="286"/>
      <c r="BW46" s="286"/>
      <c r="BX46" s="286"/>
      <c r="BY46" s="286"/>
    </row>
    <row r="47" spans="1:78" s="22" customFormat="1" ht="11.25" customHeight="1">
      <c r="A47" s="57"/>
      <c r="B47" s="57"/>
      <c r="C47" s="1202"/>
      <c r="D47" s="1233"/>
      <c r="E47" s="1233"/>
      <c r="F47" s="1233"/>
      <c r="G47" s="1233"/>
      <c r="H47" s="1233"/>
      <c r="I47" s="1233"/>
      <c r="J47" s="1233"/>
      <c r="K47" s="1233"/>
      <c r="L47" s="1233"/>
      <c r="M47" s="1233"/>
      <c r="N47" s="1233"/>
      <c r="O47" s="1233"/>
      <c r="P47" s="1233"/>
      <c r="Q47" s="1233"/>
      <c r="R47" s="1233"/>
      <c r="S47" s="1233"/>
      <c r="T47" s="1233"/>
      <c r="U47" s="1233"/>
      <c r="V47" s="1233"/>
      <c r="W47" s="1233"/>
      <c r="X47" s="1233"/>
      <c r="Y47" s="1233"/>
      <c r="Z47" s="1233"/>
      <c r="AA47" s="1233"/>
      <c r="AB47" s="1233"/>
      <c r="AC47" s="1233"/>
      <c r="AD47" s="1233"/>
      <c r="AE47" s="1233"/>
      <c r="AF47" s="1233"/>
      <c r="AG47" s="1233"/>
      <c r="AH47" s="1233"/>
      <c r="AI47" s="1233"/>
      <c r="AJ47" s="1233"/>
      <c r="AK47" s="1402"/>
      <c r="AP47" s="863" t="s">
        <v>90</v>
      </c>
      <c r="AQ47" s="1177"/>
      <c r="AR47" s="1689" t="s">
        <v>758</v>
      </c>
      <c r="AS47" s="1695"/>
      <c r="AT47" s="1695"/>
      <c r="AU47" s="1695"/>
      <c r="AV47" s="1695"/>
      <c r="AW47" s="1695"/>
      <c r="AX47" s="1695"/>
      <c r="AY47" s="1695"/>
      <c r="AZ47" s="1695"/>
      <c r="BA47" s="1695"/>
      <c r="BB47" s="1695"/>
      <c r="BC47" s="1695"/>
      <c r="BD47" s="1695"/>
      <c r="BE47" s="1695"/>
      <c r="BF47" s="1695"/>
      <c r="BG47" s="1695"/>
      <c r="BH47" s="1695"/>
      <c r="BI47" s="1695"/>
      <c r="BJ47" s="1695"/>
      <c r="BK47" s="1695"/>
      <c r="BL47" s="1695"/>
      <c r="BM47" s="1695"/>
      <c r="BN47" s="1695"/>
      <c r="BO47" s="1695"/>
      <c r="BP47" s="1695"/>
      <c r="BQ47" s="1695"/>
      <c r="BR47" s="1695"/>
      <c r="BS47" s="1695"/>
      <c r="BT47" s="1695"/>
      <c r="BU47" s="1695"/>
      <c r="BV47" s="1695"/>
      <c r="BW47" s="1695"/>
      <c r="BX47" s="1695"/>
      <c r="BY47" s="1696"/>
      <c r="BZ47" s="503"/>
    </row>
    <row r="48" spans="1:78" s="22" customFormat="1" ht="11.25" customHeight="1">
      <c r="A48" s="57"/>
      <c r="B48" s="57"/>
      <c r="C48" s="1202" t="s">
        <v>160</v>
      </c>
      <c r="D48" s="1233"/>
      <c r="E48" s="1233"/>
      <c r="F48" s="1233"/>
      <c r="G48" s="1233"/>
      <c r="H48" s="1233"/>
      <c r="I48" s="1233"/>
      <c r="J48" s="1233"/>
      <c r="K48" s="1233"/>
      <c r="L48" s="1233"/>
      <c r="M48" s="1233"/>
      <c r="N48" s="1233"/>
      <c r="O48" s="1233"/>
      <c r="P48" s="1233"/>
      <c r="Q48" s="1233"/>
      <c r="R48" s="1233"/>
      <c r="S48" s="1233"/>
      <c r="T48" s="1233"/>
      <c r="U48" s="1233"/>
      <c r="V48" s="1233"/>
      <c r="W48" s="1233"/>
      <c r="X48" s="1233"/>
      <c r="Y48" s="1233"/>
      <c r="Z48" s="1233"/>
      <c r="AA48" s="1233"/>
      <c r="AB48" s="1233"/>
      <c r="AC48" s="1233"/>
      <c r="AD48" s="1233"/>
      <c r="AE48" s="1233"/>
      <c r="AF48" s="1233"/>
      <c r="AG48" s="1233"/>
      <c r="AH48" s="1233"/>
      <c r="AI48" s="1233"/>
      <c r="AJ48" s="1233"/>
      <c r="AK48" s="1402"/>
      <c r="AP48" s="863"/>
      <c r="AQ48" s="1236"/>
      <c r="AR48" s="1697"/>
      <c r="AS48" s="1698"/>
      <c r="AT48" s="1698"/>
      <c r="AU48" s="1698"/>
      <c r="AV48" s="1698"/>
      <c r="AW48" s="1698"/>
      <c r="AX48" s="1698"/>
      <c r="AY48" s="1698"/>
      <c r="AZ48" s="1698"/>
      <c r="BA48" s="1698"/>
      <c r="BB48" s="1698"/>
      <c r="BC48" s="1698"/>
      <c r="BD48" s="1698"/>
      <c r="BE48" s="1698"/>
      <c r="BF48" s="1698"/>
      <c r="BG48" s="1698"/>
      <c r="BH48" s="1698"/>
      <c r="BI48" s="1698"/>
      <c r="BJ48" s="1698"/>
      <c r="BK48" s="1698"/>
      <c r="BL48" s="1698"/>
      <c r="BM48" s="1698"/>
      <c r="BN48" s="1698"/>
      <c r="BO48" s="1698"/>
      <c r="BP48" s="1698"/>
      <c r="BQ48" s="1698"/>
      <c r="BR48" s="1698"/>
      <c r="BS48" s="1698"/>
      <c r="BT48" s="1698"/>
      <c r="BU48" s="1698"/>
      <c r="BV48" s="1698"/>
      <c r="BW48" s="1698"/>
      <c r="BX48" s="1698"/>
      <c r="BY48" s="1699"/>
      <c r="BZ48" s="503"/>
    </row>
    <row r="49" spans="1:77" s="22" customFormat="1" ht="11.25" customHeight="1">
      <c r="A49" s="57"/>
      <c r="B49" s="57"/>
      <c r="C49" s="1202"/>
      <c r="D49" s="1233"/>
      <c r="E49" s="1233"/>
      <c r="F49" s="1233"/>
      <c r="G49" s="1233"/>
      <c r="H49" s="1233"/>
      <c r="I49" s="1233"/>
      <c r="J49" s="1233"/>
      <c r="K49" s="1233"/>
      <c r="L49" s="1233"/>
      <c r="M49" s="1233"/>
      <c r="N49" s="1233"/>
      <c r="O49" s="1233"/>
      <c r="P49" s="1233"/>
      <c r="Q49" s="1233"/>
      <c r="R49" s="1233"/>
      <c r="S49" s="1233"/>
      <c r="T49" s="1233"/>
      <c r="U49" s="1233"/>
      <c r="V49" s="1233"/>
      <c r="W49" s="1233"/>
      <c r="X49" s="1233"/>
      <c r="Y49" s="1233"/>
      <c r="Z49" s="1233"/>
      <c r="AA49" s="1233"/>
      <c r="AB49" s="1233"/>
      <c r="AC49" s="1233"/>
      <c r="AD49" s="1233"/>
      <c r="AE49" s="1233"/>
      <c r="AF49" s="1233"/>
      <c r="AG49" s="1233"/>
      <c r="AH49" s="1233"/>
      <c r="AI49" s="1233"/>
      <c r="AJ49" s="1233"/>
      <c r="AK49" s="1402"/>
      <c r="AP49" s="466"/>
      <c r="AQ49" s="467"/>
      <c r="AR49" s="1202" t="s">
        <v>170</v>
      </c>
      <c r="AS49" s="1233"/>
      <c r="AT49" s="1233"/>
      <c r="AU49" s="1233"/>
      <c r="AV49" s="1233"/>
      <c r="AW49" s="1233"/>
      <c r="AX49" s="1233"/>
      <c r="AY49" s="1233"/>
      <c r="AZ49" s="1233"/>
      <c r="BA49" s="1233"/>
      <c r="BB49" s="1233"/>
      <c r="BC49" s="1233"/>
      <c r="BD49" s="1233"/>
      <c r="BE49" s="1233"/>
      <c r="BF49" s="1233"/>
      <c r="BG49" s="1233"/>
      <c r="BH49" s="1233"/>
      <c r="BI49" s="1233"/>
      <c r="BJ49" s="1233"/>
      <c r="BK49" s="1233"/>
      <c r="BL49" s="1233"/>
      <c r="BM49" s="1233"/>
      <c r="BN49" s="1233"/>
      <c r="BO49" s="1233"/>
      <c r="BP49" s="1233"/>
      <c r="BQ49" s="1233"/>
      <c r="BR49" s="1233"/>
      <c r="BS49" s="1233"/>
      <c r="BT49" s="1233"/>
      <c r="BU49" s="1233"/>
      <c r="BV49" s="1233"/>
      <c r="BW49" s="1233"/>
      <c r="BX49" s="1233"/>
      <c r="BY49" s="1402"/>
    </row>
    <row r="50" spans="1:77" s="22" customFormat="1" ht="11.25" customHeight="1">
      <c r="A50" s="57"/>
      <c r="B50" s="57"/>
      <c r="C50" s="1202" t="s">
        <v>161</v>
      </c>
      <c r="D50" s="1233"/>
      <c r="E50" s="1233"/>
      <c r="F50" s="1233"/>
      <c r="G50" s="1233"/>
      <c r="H50" s="1233"/>
      <c r="I50" s="1233"/>
      <c r="J50" s="1233"/>
      <c r="K50" s="1233"/>
      <c r="L50" s="1233"/>
      <c r="M50" s="1233"/>
      <c r="N50" s="1233"/>
      <c r="O50" s="1233"/>
      <c r="P50" s="1233"/>
      <c r="Q50" s="1233"/>
      <c r="R50" s="1233"/>
      <c r="S50" s="1233"/>
      <c r="T50" s="1233"/>
      <c r="U50" s="1233"/>
      <c r="V50" s="1233"/>
      <c r="W50" s="1233"/>
      <c r="X50" s="1233"/>
      <c r="Y50" s="1233"/>
      <c r="Z50" s="1233"/>
      <c r="AA50" s="1233"/>
      <c r="AB50" s="1233"/>
      <c r="AC50" s="1233"/>
      <c r="AD50" s="1233"/>
      <c r="AE50" s="1233"/>
      <c r="AF50" s="1233"/>
      <c r="AG50" s="1233"/>
      <c r="AH50" s="1233"/>
      <c r="AI50" s="1233"/>
      <c r="AJ50" s="1233"/>
      <c r="AK50" s="1402"/>
      <c r="AP50" s="466"/>
      <c r="AQ50" s="467"/>
      <c r="AR50" s="1202"/>
      <c r="AS50" s="1233"/>
      <c r="AT50" s="1233"/>
      <c r="AU50" s="1233"/>
      <c r="AV50" s="1233"/>
      <c r="AW50" s="1233"/>
      <c r="AX50" s="1233"/>
      <c r="AY50" s="1233"/>
      <c r="AZ50" s="1233"/>
      <c r="BA50" s="1233"/>
      <c r="BB50" s="1233"/>
      <c r="BC50" s="1233"/>
      <c r="BD50" s="1233"/>
      <c r="BE50" s="1233"/>
      <c r="BF50" s="1233"/>
      <c r="BG50" s="1233"/>
      <c r="BH50" s="1233"/>
      <c r="BI50" s="1233"/>
      <c r="BJ50" s="1233"/>
      <c r="BK50" s="1233"/>
      <c r="BL50" s="1233"/>
      <c r="BM50" s="1233"/>
      <c r="BN50" s="1233"/>
      <c r="BO50" s="1233"/>
      <c r="BP50" s="1233"/>
      <c r="BQ50" s="1233"/>
      <c r="BR50" s="1233"/>
      <c r="BS50" s="1233"/>
      <c r="BT50" s="1233"/>
      <c r="BU50" s="1233"/>
      <c r="BV50" s="1233"/>
      <c r="BW50" s="1233"/>
      <c r="BX50" s="1233"/>
      <c r="BY50" s="1402"/>
    </row>
    <row r="51" spans="1:77" s="22" customFormat="1" ht="11.25" customHeight="1">
      <c r="A51" s="57"/>
      <c r="B51" s="57"/>
      <c r="C51" s="1202"/>
      <c r="D51" s="1233"/>
      <c r="E51" s="1233"/>
      <c r="F51" s="1233"/>
      <c r="G51" s="1233"/>
      <c r="H51" s="1233"/>
      <c r="I51" s="1233"/>
      <c r="J51" s="1233"/>
      <c r="K51" s="1233"/>
      <c r="L51" s="1233"/>
      <c r="M51" s="1233"/>
      <c r="N51" s="1233"/>
      <c r="O51" s="1233"/>
      <c r="P51" s="1233"/>
      <c r="Q51" s="1233"/>
      <c r="R51" s="1233"/>
      <c r="S51" s="1233"/>
      <c r="T51" s="1233"/>
      <c r="U51" s="1233"/>
      <c r="V51" s="1233"/>
      <c r="W51" s="1233"/>
      <c r="X51" s="1233"/>
      <c r="Y51" s="1233"/>
      <c r="Z51" s="1233"/>
      <c r="AA51" s="1233"/>
      <c r="AB51" s="1233"/>
      <c r="AC51" s="1233"/>
      <c r="AD51" s="1233"/>
      <c r="AE51" s="1233"/>
      <c r="AF51" s="1233"/>
      <c r="AG51" s="1233"/>
      <c r="AH51" s="1233"/>
      <c r="AI51" s="1233"/>
      <c r="AJ51" s="1233"/>
      <c r="AK51" s="1402"/>
      <c r="AR51" s="1202" t="s">
        <v>316</v>
      </c>
      <c r="AS51" s="1233"/>
      <c r="AT51" s="1233"/>
      <c r="AU51" s="1233"/>
      <c r="AV51" s="1233"/>
      <c r="AW51" s="1233"/>
      <c r="AX51" s="1233"/>
      <c r="AY51" s="1233"/>
      <c r="AZ51" s="1233"/>
      <c r="BA51" s="1233"/>
      <c r="BB51" s="1233"/>
      <c r="BC51" s="1233"/>
      <c r="BD51" s="1233"/>
      <c r="BE51" s="1233"/>
      <c r="BF51" s="1233"/>
      <c r="BG51" s="1233"/>
      <c r="BH51" s="1233"/>
      <c r="BI51" s="1233"/>
      <c r="BJ51" s="1233"/>
      <c r="BK51" s="1233"/>
      <c r="BL51" s="1233"/>
      <c r="BM51" s="1233"/>
      <c r="BN51" s="1233"/>
      <c r="BO51" s="1233"/>
      <c r="BP51" s="1233"/>
      <c r="BQ51" s="1233"/>
      <c r="BR51" s="1233"/>
      <c r="BS51" s="1233"/>
      <c r="BT51" s="1233"/>
      <c r="BU51" s="1233"/>
      <c r="BV51" s="1233"/>
      <c r="BW51" s="1233"/>
      <c r="BX51" s="1233"/>
      <c r="BY51" s="1402"/>
    </row>
    <row r="52" spans="1:77" s="22" customFormat="1" ht="11.25" customHeight="1">
      <c r="A52" s="57"/>
      <c r="B52" s="57"/>
      <c r="C52" s="1202" t="s">
        <v>162</v>
      </c>
      <c r="D52" s="1233"/>
      <c r="E52" s="1233"/>
      <c r="F52" s="1233"/>
      <c r="G52" s="1233"/>
      <c r="H52" s="1233"/>
      <c r="I52" s="1233"/>
      <c r="J52" s="1233"/>
      <c r="K52" s="1233"/>
      <c r="L52" s="1233"/>
      <c r="M52" s="1233"/>
      <c r="N52" s="1233"/>
      <c r="O52" s="1233"/>
      <c r="P52" s="1233"/>
      <c r="Q52" s="1233"/>
      <c r="R52" s="1233"/>
      <c r="S52" s="1233"/>
      <c r="T52" s="1233"/>
      <c r="U52" s="1233"/>
      <c r="V52" s="1233"/>
      <c r="W52" s="1233"/>
      <c r="X52" s="1233"/>
      <c r="Y52" s="1233"/>
      <c r="Z52" s="1233"/>
      <c r="AA52" s="1233"/>
      <c r="AB52" s="1233"/>
      <c r="AC52" s="1233"/>
      <c r="AD52" s="1233"/>
      <c r="AE52" s="1233"/>
      <c r="AF52" s="1233"/>
      <c r="AG52" s="1233"/>
      <c r="AH52" s="1233"/>
      <c r="AI52" s="1233"/>
      <c r="AJ52" s="1233"/>
      <c r="AK52" s="1402"/>
      <c r="AR52" s="1202"/>
      <c r="AS52" s="1233"/>
      <c r="AT52" s="1233"/>
      <c r="AU52" s="1233"/>
      <c r="AV52" s="1233"/>
      <c r="AW52" s="1233"/>
      <c r="AX52" s="1233"/>
      <c r="AY52" s="1233"/>
      <c r="AZ52" s="1233"/>
      <c r="BA52" s="1233"/>
      <c r="BB52" s="1233"/>
      <c r="BC52" s="1233"/>
      <c r="BD52" s="1233"/>
      <c r="BE52" s="1233"/>
      <c r="BF52" s="1233"/>
      <c r="BG52" s="1233"/>
      <c r="BH52" s="1233"/>
      <c r="BI52" s="1233"/>
      <c r="BJ52" s="1233"/>
      <c r="BK52" s="1233"/>
      <c r="BL52" s="1233"/>
      <c r="BM52" s="1233"/>
      <c r="BN52" s="1233"/>
      <c r="BO52" s="1233"/>
      <c r="BP52" s="1233"/>
      <c r="BQ52" s="1233"/>
      <c r="BR52" s="1233"/>
      <c r="BS52" s="1233"/>
      <c r="BT52" s="1233"/>
      <c r="BU52" s="1233"/>
      <c r="BV52" s="1233"/>
      <c r="BW52" s="1233"/>
      <c r="BX52" s="1233"/>
      <c r="BY52" s="1402"/>
    </row>
    <row r="53" spans="1:77" s="22" customFormat="1" ht="11.25" customHeight="1">
      <c r="A53" s="57"/>
      <c r="B53" s="57"/>
      <c r="C53" s="1202"/>
      <c r="D53" s="1233"/>
      <c r="E53" s="1233"/>
      <c r="F53" s="1233"/>
      <c r="G53" s="1233"/>
      <c r="H53" s="1233"/>
      <c r="I53" s="1233"/>
      <c r="J53" s="1233"/>
      <c r="K53" s="1233"/>
      <c r="L53" s="1233"/>
      <c r="M53" s="1233"/>
      <c r="N53" s="1233"/>
      <c r="O53" s="1233"/>
      <c r="P53" s="1233"/>
      <c r="Q53" s="1233"/>
      <c r="R53" s="1233"/>
      <c r="S53" s="1233"/>
      <c r="T53" s="1233"/>
      <c r="U53" s="1233"/>
      <c r="V53" s="1233"/>
      <c r="W53" s="1233"/>
      <c r="X53" s="1233"/>
      <c r="Y53" s="1233"/>
      <c r="Z53" s="1233"/>
      <c r="AA53" s="1233"/>
      <c r="AB53" s="1233"/>
      <c r="AC53" s="1233"/>
      <c r="AD53" s="1233"/>
      <c r="AE53" s="1233"/>
      <c r="AF53" s="1233"/>
      <c r="AG53" s="1233"/>
      <c r="AH53" s="1233"/>
      <c r="AI53" s="1233"/>
      <c r="AJ53" s="1233"/>
      <c r="AK53" s="1402"/>
      <c r="AR53" s="1202" t="s">
        <v>347</v>
      </c>
      <c r="AS53" s="1233"/>
      <c r="AT53" s="1233"/>
      <c r="AU53" s="1233"/>
      <c r="AV53" s="1233"/>
      <c r="AW53" s="1233"/>
      <c r="AX53" s="1233"/>
      <c r="AY53" s="1233"/>
      <c r="AZ53" s="1233"/>
      <c r="BA53" s="1233"/>
      <c r="BB53" s="1233"/>
      <c r="BC53" s="1233"/>
      <c r="BD53" s="1233"/>
      <c r="BE53" s="1233"/>
      <c r="BF53" s="1233"/>
      <c r="BG53" s="1233"/>
      <c r="BH53" s="1233"/>
      <c r="BI53" s="1233"/>
      <c r="BJ53" s="1233"/>
      <c r="BK53" s="1233"/>
      <c r="BL53" s="1233"/>
      <c r="BM53" s="1233"/>
      <c r="BN53" s="1233"/>
      <c r="BO53" s="1233"/>
      <c r="BP53" s="1233"/>
      <c r="BQ53" s="1233"/>
      <c r="BR53" s="1233"/>
      <c r="BS53" s="1233"/>
      <c r="BT53" s="1233"/>
      <c r="BU53" s="1233"/>
      <c r="BV53" s="1233"/>
      <c r="BW53" s="1233"/>
      <c r="BX53" s="1233"/>
      <c r="BY53" s="1402"/>
    </row>
    <row r="54" spans="1:77" s="22" customFormat="1" ht="11.25" customHeight="1">
      <c r="A54" s="57"/>
      <c r="B54" s="57"/>
      <c r="C54" s="1202" t="s">
        <v>313</v>
      </c>
      <c r="D54" s="1233"/>
      <c r="E54" s="1233"/>
      <c r="F54" s="1233"/>
      <c r="G54" s="1233"/>
      <c r="H54" s="1233"/>
      <c r="I54" s="1233"/>
      <c r="J54" s="1233"/>
      <c r="K54" s="1233"/>
      <c r="L54" s="1233"/>
      <c r="M54" s="1233"/>
      <c r="N54" s="1233"/>
      <c r="O54" s="1233"/>
      <c r="P54" s="1233"/>
      <c r="Q54" s="1233"/>
      <c r="R54" s="1233"/>
      <c r="S54" s="1233"/>
      <c r="T54" s="1233"/>
      <c r="U54" s="1233"/>
      <c r="V54" s="1233"/>
      <c r="W54" s="1233"/>
      <c r="X54" s="1233"/>
      <c r="Y54" s="1233"/>
      <c r="Z54" s="1233"/>
      <c r="AA54" s="1233"/>
      <c r="AB54" s="1233"/>
      <c r="AC54" s="1233"/>
      <c r="AD54" s="1233"/>
      <c r="AE54" s="1233"/>
      <c r="AF54" s="1233"/>
      <c r="AG54" s="1233"/>
      <c r="AH54" s="1233"/>
      <c r="AI54" s="1233"/>
      <c r="AJ54" s="1233"/>
      <c r="AK54" s="1402"/>
      <c r="AR54" s="1202"/>
      <c r="AS54" s="1233"/>
      <c r="AT54" s="1233"/>
      <c r="AU54" s="1233"/>
      <c r="AV54" s="1233"/>
      <c r="AW54" s="1233"/>
      <c r="AX54" s="1233"/>
      <c r="AY54" s="1233"/>
      <c r="AZ54" s="1233"/>
      <c r="BA54" s="1233"/>
      <c r="BB54" s="1233"/>
      <c r="BC54" s="1233"/>
      <c r="BD54" s="1233"/>
      <c r="BE54" s="1233"/>
      <c r="BF54" s="1233"/>
      <c r="BG54" s="1233"/>
      <c r="BH54" s="1233"/>
      <c r="BI54" s="1233"/>
      <c r="BJ54" s="1233"/>
      <c r="BK54" s="1233"/>
      <c r="BL54" s="1233"/>
      <c r="BM54" s="1233"/>
      <c r="BN54" s="1233"/>
      <c r="BO54" s="1233"/>
      <c r="BP54" s="1233"/>
      <c r="BQ54" s="1233"/>
      <c r="BR54" s="1233"/>
      <c r="BS54" s="1233"/>
      <c r="BT54" s="1233"/>
      <c r="BU54" s="1233"/>
      <c r="BV54" s="1233"/>
      <c r="BW54" s="1233"/>
      <c r="BX54" s="1233"/>
      <c r="BY54" s="1402"/>
    </row>
    <row r="55" spans="1:77" s="22" customFormat="1" ht="11.25" customHeight="1">
      <c r="A55" s="57"/>
      <c r="B55" s="57"/>
      <c r="C55" s="1202"/>
      <c r="D55" s="1233"/>
      <c r="E55" s="1233"/>
      <c r="F55" s="1233"/>
      <c r="G55" s="1233"/>
      <c r="H55" s="1233"/>
      <c r="I55" s="1233"/>
      <c r="J55" s="1233"/>
      <c r="K55" s="1233"/>
      <c r="L55" s="1233"/>
      <c r="M55" s="1233"/>
      <c r="N55" s="1233"/>
      <c r="O55" s="1233"/>
      <c r="P55" s="1233"/>
      <c r="Q55" s="1233"/>
      <c r="R55" s="1233"/>
      <c r="S55" s="1233"/>
      <c r="T55" s="1233"/>
      <c r="U55" s="1233"/>
      <c r="V55" s="1233"/>
      <c r="W55" s="1233"/>
      <c r="X55" s="1233"/>
      <c r="Y55" s="1233"/>
      <c r="Z55" s="1233"/>
      <c r="AA55" s="1233"/>
      <c r="AB55" s="1233"/>
      <c r="AC55" s="1233"/>
      <c r="AD55" s="1233"/>
      <c r="AE55" s="1233"/>
      <c r="AF55" s="1233"/>
      <c r="AG55" s="1233"/>
      <c r="AH55" s="1233"/>
      <c r="AI55" s="1233"/>
      <c r="AJ55" s="1233"/>
      <c r="AK55" s="1402"/>
      <c r="AR55" s="1202" t="s">
        <v>419</v>
      </c>
      <c r="AS55" s="1233"/>
      <c r="AT55" s="1233"/>
      <c r="AU55" s="1233"/>
      <c r="AV55" s="1233"/>
      <c r="AW55" s="1233"/>
      <c r="AX55" s="1233"/>
      <c r="AY55" s="1233"/>
      <c r="AZ55" s="1233"/>
      <c r="BA55" s="1233"/>
      <c r="BB55" s="1233"/>
      <c r="BC55" s="1233"/>
      <c r="BD55" s="1233"/>
      <c r="BE55" s="1233"/>
      <c r="BF55" s="1233"/>
      <c r="BG55" s="1233"/>
      <c r="BH55" s="1233"/>
      <c r="BI55" s="1233"/>
      <c r="BJ55" s="1233"/>
      <c r="BK55" s="1233"/>
      <c r="BL55" s="1233"/>
      <c r="BM55" s="1233"/>
      <c r="BN55" s="1233"/>
      <c r="BO55" s="1233"/>
      <c r="BP55" s="1233"/>
      <c r="BQ55" s="1233"/>
      <c r="BR55" s="1233"/>
      <c r="BS55" s="1233"/>
      <c r="BT55" s="1233"/>
      <c r="BU55" s="1233"/>
      <c r="BV55" s="1233"/>
      <c r="BW55" s="1233"/>
      <c r="BX55" s="1233"/>
      <c r="BY55" s="1402"/>
    </row>
    <row r="56" spans="1:77" s="22" customFormat="1" ht="11.25" customHeight="1">
      <c r="A56" s="57"/>
      <c r="B56" s="57"/>
      <c r="C56" s="1202" t="s">
        <v>611</v>
      </c>
      <c r="D56" s="1233"/>
      <c r="E56" s="1233"/>
      <c r="F56" s="1233"/>
      <c r="G56" s="1233"/>
      <c r="H56" s="1233"/>
      <c r="I56" s="1233"/>
      <c r="J56" s="1233"/>
      <c r="K56" s="1233"/>
      <c r="L56" s="1233"/>
      <c r="M56" s="1233"/>
      <c r="N56" s="1233"/>
      <c r="O56" s="1233"/>
      <c r="P56" s="1233"/>
      <c r="Q56" s="1233"/>
      <c r="R56" s="1233"/>
      <c r="S56" s="1233"/>
      <c r="T56" s="1233"/>
      <c r="U56" s="1233"/>
      <c r="V56" s="1233"/>
      <c r="W56" s="1233"/>
      <c r="X56" s="1233"/>
      <c r="Y56" s="1233"/>
      <c r="Z56" s="1233"/>
      <c r="AA56" s="1233"/>
      <c r="AB56" s="1233"/>
      <c r="AC56" s="1233"/>
      <c r="AD56" s="1233"/>
      <c r="AE56" s="1233"/>
      <c r="AF56" s="1233"/>
      <c r="AG56" s="1233"/>
      <c r="AH56" s="1233"/>
      <c r="AI56" s="1233"/>
      <c r="AJ56" s="1233"/>
      <c r="AK56" s="1402"/>
      <c r="AP56" s="466"/>
      <c r="AQ56" s="76"/>
      <c r="AR56" s="1449"/>
      <c r="AS56" s="1450"/>
      <c r="AT56" s="1450"/>
      <c r="AU56" s="1450"/>
      <c r="AV56" s="1450"/>
      <c r="AW56" s="1450"/>
      <c r="AX56" s="1450"/>
      <c r="AY56" s="1450"/>
      <c r="AZ56" s="1450"/>
      <c r="BA56" s="1450"/>
      <c r="BB56" s="1450"/>
      <c r="BC56" s="1450"/>
      <c r="BD56" s="1450"/>
      <c r="BE56" s="1450"/>
      <c r="BF56" s="1450"/>
      <c r="BG56" s="1450"/>
      <c r="BH56" s="1450"/>
      <c r="BI56" s="1450"/>
      <c r="BJ56" s="1450"/>
      <c r="BK56" s="1450"/>
      <c r="BL56" s="1450"/>
      <c r="BM56" s="1450"/>
      <c r="BN56" s="1450"/>
      <c r="BO56" s="1450"/>
      <c r="BP56" s="1450"/>
      <c r="BQ56" s="1450"/>
      <c r="BR56" s="1450"/>
      <c r="BS56" s="1450"/>
      <c r="BT56" s="1450"/>
      <c r="BU56" s="1450"/>
      <c r="BV56" s="1450"/>
      <c r="BW56" s="1450"/>
      <c r="BX56" s="1450"/>
      <c r="BY56" s="1451"/>
    </row>
    <row r="57" spans="1:77" s="22" customFormat="1" ht="11.25" customHeight="1">
      <c r="A57" s="57"/>
      <c r="B57" s="57"/>
      <c r="C57" s="1202"/>
      <c r="D57" s="1233"/>
      <c r="E57" s="1233"/>
      <c r="F57" s="1233"/>
      <c r="G57" s="1233"/>
      <c r="H57" s="1233"/>
      <c r="I57" s="1233"/>
      <c r="J57" s="1233"/>
      <c r="K57" s="1233"/>
      <c r="L57" s="1233"/>
      <c r="M57" s="1233"/>
      <c r="N57" s="1233"/>
      <c r="O57" s="1233"/>
      <c r="P57" s="1233"/>
      <c r="Q57" s="1233"/>
      <c r="R57" s="1233"/>
      <c r="S57" s="1233"/>
      <c r="T57" s="1233"/>
      <c r="U57" s="1233"/>
      <c r="V57" s="1233"/>
      <c r="W57" s="1233"/>
      <c r="X57" s="1233"/>
      <c r="Y57" s="1233"/>
      <c r="Z57" s="1233"/>
      <c r="AA57" s="1233"/>
      <c r="AB57" s="1233"/>
      <c r="AC57" s="1233"/>
      <c r="AD57" s="1233"/>
      <c r="AE57" s="1233"/>
      <c r="AF57" s="1233"/>
      <c r="AG57" s="1233"/>
      <c r="AH57" s="1233"/>
      <c r="AI57" s="1233"/>
      <c r="AJ57" s="1233"/>
      <c r="AK57" s="1402"/>
      <c r="AP57" s="466"/>
      <c r="AQ57" s="76"/>
      <c r="AR57" s="511"/>
      <c r="AS57" s="511"/>
      <c r="AT57" s="511"/>
      <c r="AU57" s="511"/>
      <c r="AV57" s="511"/>
      <c r="AW57" s="511"/>
      <c r="AX57" s="511"/>
      <c r="AY57" s="511"/>
      <c r="AZ57" s="511"/>
      <c r="BA57" s="511"/>
      <c r="BB57" s="511"/>
      <c r="BC57" s="511"/>
      <c r="BD57" s="511"/>
      <c r="BE57" s="511"/>
      <c r="BF57" s="511"/>
      <c r="BG57" s="511"/>
      <c r="BH57" s="511"/>
      <c r="BI57" s="511"/>
      <c r="BJ57" s="511"/>
      <c r="BK57" s="511"/>
      <c r="BL57" s="511"/>
      <c r="BM57" s="511"/>
      <c r="BN57" s="511"/>
      <c r="BO57" s="511"/>
      <c r="BP57" s="511"/>
      <c r="BQ57" s="511"/>
      <c r="BR57" s="511"/>
      <c r="BS57" s="511"/>
      <c r="BT57" s="511"/>
      <c r="BU57" s="511"/>
      <c r="BV57" s="511"/>
      <c r="BW57" s="511"/>
      <c r="BX57" s="511"/>
      <c r="BY57" s="511"/>
    </row>
    <row r="58" spans="1:77" s="22" customFormat="1" ht="11.25" customHeight="1">
      <c r="A58" s="57"/>
      <c r="B58" s="57"/>
      <c r="C58" s="1202" t="s">
        <v>163</v>
      </c>
      <c r="D58" s="1233"/>
      <c r="E58" s="1233"/>
      <c r="F58" s="1233"/>
      <c r="G58" s="1233"/>
      <c r="H58" s="1233"/>
      <c r="I58" s="1233"/>
      <c r="J58" s="1233"/>
      <c r="K58" s="1233"/>
      <c r="L58" s="1233"/>
      <c r="M58" s="1233"/>
      <c r="N58" s="1233"/>
      <c r="O58" s="1233"/>
      <c r="P58" s="1233"/>
      <c r="Q58" s="1233"/>
      <c r="R58" s="1233"/>
      <c r="S58" s="1233"/>
      <c r="T58" s="1233"/>
      <c r="U58" s="1233"/>
      <c r="V58" s="1233"/>
      <c r="W58" s="1233"/>
      <c r="X58" s="1233"/>
      <c r="Y58" s="1233"/>
      <c r="Z58" s="1233"/>
      <c r="AA58" s="1233"/>
      <c r="AB58" s="1233"/>
      <c r="AC58" s="1233"/>
      <c r="AD58" s="1233"/>
      <c r="AE58" s="1233"/>
      <c r="AF58" s="1233"/>
      <c r="AG58" s="1233"/>
      <c r="AH58" s="1233"/>
      <c r="AI58" s="1233"/>
      <c r="AJ58" s="1233"/>
      <c r="AK58" s="1402"/>
      <c r="AP58" s="466"/>
      <c r="AQ58" s="76"/>
      <c r="AR58" s="286"/>
      <c r="AS58" s="286"/>
      <c r="AT58" s="286"/>
      <c r="AU58" s="286"/>
      <c r="AV58" s="286"/>
      <c r="AW58" s="286"/>
      <c r="AX58" s="286"/>
      <c r="AY58" s="286"/>
      <c r="AZ58" s="286"/>
      <c r="BA58" s="286"/>
      <c r="BB58" s="286"/>
      <c r="BC58" s="286"/>
      <c r="BD58" s="286"/>
      <c r="BE58" s="286"/>
      <c r="BF58" s="286"/>
      <c r="BG58" s="286"/>
      <c r="BH58" s="286"/>
      <c r="BI58" s="286"/>
      <c r="BJ58" s="286"/>
      <c r="BK58" s="286"/>
      <c r="BL58" s="286"/>
      <c r="BM58" s="286"/>
      <c r="BN58" s="286"/>
      <c r="BO58" s="286"/>
      <c r="BP58" s="286"/>
      <c r="BQ58" s="286"/>
      <c r="BR58" s="286"/>
      <c r="BS58" s="286"/>
      <c r="BT58" s="286"/>
      <c r="BU58" s="286"/>
      <c r="BV58" s="286"/>
      <c r="BW58" s="286"/>
      <c r="BX58" s="286"/>
      <c r="BY58" s="286"/>
    </row>
    <row r="59" spans="1:77" s="22" customFormat="1" ht="11.25" customHeight="1">
      <c r="A59" s="57"/>
      <c r="B59" s="57"/>
      <c r="C59" s="1202"/>
      <c r="D59" s="1233"/>
      <c r="E59" s="1233"/>
      <c r="F59" s="1233"/>
      <c r="G59" s="1233"/>
      <c r="H59" s="1233"/>
      <c r="I59" s="1233"/>
      <c r="J59" s="1233"/>
      <c r="K59" s="1233"/>
      <c r="L59" s="1233"/>
      <c r="M59" s="1233"/>
      <c r="N59" s="1233"/>
      <c r="O59" s="1233"/>
      <c r="P59" s="1233"/>
      <c r="Q59" s="1233"/>
      <c r="R59" s="1233"/>
      <c r="S59" s="1233"/>
      <c r="T59" s="1233"/>
      <c r="U59" s="1233"/>
      <c r="V59" s="1233"/>
      <c r="W59" s="1233"/>
      <c r="X59" s="1233"/>
      <c r="Y59" s="1233"/>
      <c r="Z59" s="1233"/>
      <c r="AA59" s="1233"/>
      <c r="AB59" s="1233"/>
      <c r="AC59" s="1233"/>
      <c r="AD59" s="1233"/>
      <c r="AE59" s="1233"/>
      <c r="AF59" s="1233"/>
      <c r="AG59" s="1233"/>
      <c r="AH59" s="1233"/>
      <c r="AI59" s="1233"/>
      <c r="AJ59" s="1233"/>
      <c r="AK59" s="1402"/>
      <c r="AP59" s="863" t="s">
        <v>91</v>
      </c>
      <c r="AQ59" s="1177"/>
      <c r="AR59" s="1689" t="s">
        <v>759</v>
      </c>
      <c r="AS59" s="1695"/>
      <c r="AT59" s="1695"/>
      <c r="AU59" s="1695"/>
      <c r="AV59" s="1695"/>
      <c r="AW59" s="1695"/>
      <c r="AX59" s="1695"/>
      <c r="AY59" s="1695"/>
      <c r="AZ59" s="1695"/>
      <c r="BA59" s="1695"/>
      <c r="BB59" s="1695"/>
      <c r="BC59" s="1695"/>
      <c r="BD59" s="1695"/>
      <c r="BE59" s="1695"/>
      <c r="BF59" s="1695"/>
      <c r="BG59" s="1695"/>
      <c r="BH59" s="1695"/>
      <c r="BI59" s="1695"/>
      <c r="BJ59" s="1695"/>
      <c r="BK59" s="1695"/>
      <c r="BL59" s="1695"/>
      <c r="BM59" s="1695"/>
      <c r="BN59" s="1695"/>
      <c r="BO59" s="1695"/>
      <c r="BP59" s="1695"/>
      <c r="BQ59" s="1695"/>
      <c r="BR59" s="1695"/>
      <c r="BS59" s="1695"/>
      <c r="BT59" s="1695"/>
      <c r="BU59" s="1695"/>
      <c r="BV59" s="1695"/>
      <c r="BW59" s="1695"/>
      <c r="BX59" s="1695"/>
      <c r="BY59" s="1696"/>
    </row>
    <row r="60" spans="1:77" s="22" customFormat="1" ht="11.25" customHeight="1">
      <c r="A60" s="57"/>
      <c r="B60" s="57"/>
      <c r="C60" s="1202" t="s">
        <v>164</v>
      </c>
      <c r="D60" s="1233"/>
      <c r="E60" s="1233"/>
      <c r="F60" s="1233"/>
      <c r="G60" s="1233"/>
      <c r="H60" s="1233"/>
      <c r="I60" s="1233"/>
      <c r="J60" s="1233"/>
      <c r="K60" s="1233"/>
      <c r="L60" s="1233"/>
      <c r="M60" s="1233"/>
      <c r="N60" s="1233"/>
      <c r="O60" s="1233"/>
      <c r="P60" s="1233"/>
      <c r="Q60" s="1233"/>
      <c r="R60" s="1233"/>
      <c r="S60" s="1233"/>
      <c r="T60" s="1233"/>
      <c r="U60" s="1233"/>
      <c r="V60" s="1233"/>
      <c r="W60" s="1233"/>
      <c r="X60" s="1233"/>
      <c r="Y60" s="1233"/>
      <c r="Z60" s="1233"/>
      <c r="AA60" s="1233"/>
      <c r="AB60" s="1233"/>
      <c r="AC60" s="1233"/>
      <c r="AD60" s="1233"/>
      <c r="AE60" s="1233"/>
      <c r="AF60" s="1233"/>
      <c r="AG60" s="1233"/>
      <c r="AH60" s="1233"/>
      <c r="AI60" s="1233"/>
      <c r="AJ60" s="1233"/>
      <c r="AK60" s="1402"/>
      <c r="AP60" s="863"/>
      <c r="AQ60" s="1177"/>
      <c r="AR60" s="1697"/>
      <c r="AS60" s="1698"/>
      <c r="AT60" s="1698"/>
      <c r="AU60" s="1698"/>
      <c r="AV60" s="1698"/>
      <c r="AW60" s="1698"/>
      <c r="AX60" s="1698"/>
      <c r="AY60" s="1698"/>
      <c r="AZ60" s="1698"/>
      <c r="BA60" s="1698"/>
      <c r="BB60" s="1698"/>
      <c r="BC60" s="1698"/>
      <c r="BD60" s="1698"/>
      <c r="BE60" s="1698"/>
      <c r="BF60" s="1698"/>
      <c r="BG60" s="1698"/>
      <c r="BH60" s="1698"/>
      <c r="BI60" s="1698"/>
      <c r="BJ60" s="1698"/>
      <c r="BK60" s="1698"/>
      <c r="BL60" s="1698"/>
      <c r="BM60" s="1698"/>
      <c r="BN60" s="1698"/>
      <c r="BO60" s="1698"/>
      <c r="BP60" s="1698"/>
      <c r="BQ60" s="1698"/>
      <c r="BR60" s="1698"/>
      <c r="BS60" s="1698"/>
      <c r="BT60" s="1698"/>
      <c r="BU60" s="1698"/>
      <c r="BV60" s="1698"/>
      <c r="BW60" s="1698"/>
      <c r="BX60" s="1698"/>
      <c r="BY60" s="1699"/>
    </row>
    <row r="61" spans="1:77" s="22" customFormat="1" ht="11.25" customHeight="1">
      <c r="A61" s="57"/>
      <c r="B61" s="57"/>
      <c r="C61" s="1202"/>
      <c r="D61" s="1233"/>
      <c r="E61" s="1233"/>
      <c r="F61" s="1233"/>
      <c r="G61" s="1233"/>
      <c r="H61" s="1233"/>
      <c r="I61" s="1233"/>
      <c r="J61" s="1233"/>
      <c r="K61" s="1233"/>
      <c r="L61" s="1233"/>
      <c r="M61" s="1233"/>
      <c r="N61" s="1233"/>
      <c r="O61" s="1233"/>
      <c r="P61" s="1233"/>
      <c r="Q61" s="1233"/>
      <c r="R61" s="1233"/>
      <c r="S61" s="1233"/>
      <c r="T61" s="1233"/>
      <c r="U61" s="1233"/>
      <c r="V61" s="1233"/>
      <c r="W61" s="1233"/>
      <c r="X61" s="1233"/>
      <c r="Y61" s="1233"/>
      <c r="Z61" s="1233"/>
      <c r="AA61" s="1233"/>
      <c r="AB61" s="1233"/>
      <c r="AC61" s="1233"/>
      <c r="AD61" s="1233"/>
      <c r="AE61" s="1233"/>
      <c r="AF61" s="1233"/>
      <c r="AG61" s="1233"/>
      <c r="AH61" s="1233"/>
      <c r="AI61" s="1233"/>
      <c r="AJ61" s="1233"/>
      <c r="AK61" s="1402"/>
      <c r="AR61" s="1202" t="s">
        <v>171</v>
      </c>
      <c r="AS61" s="1233"/>
      <c r="AT61" s="1233"/>
      <c r="AU61" s="1233"/>
      <c r="AV61" s="1233"/>
      <c r="AW61" s="1233"/>
      <c r="AX61" s="1233"/>
      <c r="AY61" s="1233"/>
      <c r="AZ61" s="1233"/>
      <c r="BA61" s="1233"/>
      <c r="BB61" s="1233"/>
      <c r="BC61" s="1233"/>
      <c r="BD61" s="1233"/>
      <c r="BE61" s="1233"/>
      <c r="BF61" s="1233"/>
      <c r="BG61" s="1233"/>
      <c r="BH61" s="1233"/>
      <c r="BI61" s="1233"/>
      <c r="BJ61" s="1233"/>
      <c r="BK61" s="1233"/>
      <c r="BL61" s="1233"/>
      <c r="BM61" s="1233"/>
      <c r="BN61" s="1233"/>
      <c r="BO61" s="1233"/>
      <c r="BP61" s="1233"/>
      <c r="BQ61" s="1233"/>
      <c r="BR61" s="1233"/>
      <c r="BS61" s="1233"/>
      <c r="BT61" s="1233"/>
      <c r="BU61" s="1233"/>
      <c r="BV61" s="1233"/>
      <c r="BW61" s="1233"/>
      <c r="BX61" s="1233"/>
      <c r="BY61" s="1402"/>
    </row>
    <row r="62" spans="1:77" s="22" customFormat="1" ht="11.25" customHeight="1">
      <c r="A62" s="57"/>
      <c r="B62" s="57"/>
      <c r="C62" s="1202" t="s">
        <v>165</v>
      </c>
      <c r="D62" s="1233"/>
      <c r="E62" s="1233"/>
      <c r="F62" s="1233"/>
      <c r="G62" s="1233"/>
      <c r="H62" s="1233"/>
      <c r="I62" s="1233"/>
      <c r="J62" s="1233"/>
      <c r="K62" s="1233"/>
      <c r="L62" s="1233"/>
      <c r="M62" s="1233"/>
      <c r="N62" s="1233"/>
      <c r="O62" s="1233"/>
      <c r="P62" s="1233"/>
      <c r="Q62" s="1233"/>
      <c r="R62" s="1233"/>
      <c r="S62" s="1233"/>
      <c r="T62" s="1233"/>
      <c r="U62" s="1233"/>
      <c r="V62" s="1233"/>
      <c r="W62" s="1233"/>
      <c r="X62" s="1233"/>
      <c r="Y62" s="1233"/>
      <c r="Z62" s="1233"/>
      <c r="AA62" s="1233"/>
      <c r="AB62" s="1233"/>
      <c r="AC62" s="1233"/>
      <c r="AD62" s="1233"/>
      <c r="AE62" s="1233"/>
      <c r="AF62" s="1233"/>
      <c r="AG62" s="1233"/>
      <c r="AH62" s="1233"/>
      <c r="AI62" s="1233"/>
      <c r="AJ62" s="1233"/>
      <c r="AK62" s="1402"/>
      <c r="AR62" s="1202"/>
      <c r="AS62" s="1233"/>
      <c r="AT62" s="1233"/>
      <c r="AU62" s="1233"/>
      <c r="AV62" s="1233"/>
      <c r="AW62" s="1233"/>
      <c r="AX62" s="1233"/>
      <c r="AY62" s="1233"/>
      <c r="AZ62" s="1233"/>
      <c r="BA62" s="1233"/>
      <c r="BB62" s="1233"/>
      <c r="BC62" s="1233"/>
      <c r="BD62" s="1233"/>
      <c r="BE62" s="1233"/>
      <c r="BF62" s="1233"/>
      <c r="BG62" s="1233"/>
      <c r="BH62" s="1233"/>
      <c r="BI62" s="1233"/>
      <c r="BJ62" s="1233"/>
      <c r="BK62" s="1233"/>
      <c r="BL62" s="1233"/>
      <c r="BM62" s="1233"/>
      <c r="BN62" s="1233"/>
      <c r="BO62" s="1233"/>
      <c r="BP62" s="1233"/>
      <c r="BQ62" s="1233"/>
      <c r="BR62" s="1233"/>
      <c r="BS62" s="1233"/>
      <c r="BT62" s="1233"/>
      <c r="BU62" s="1233"/>
      <c r="BV62" s="1233"/>
      <c r="BW62" s="1233"/>
      <c r="BX62" s="1233"/>
      <c r="BY62" s="1402"/>
    </row>
    <row r="63" spans="1:77" s="22" customFormat="1" ht="11.25" customHeight="1">
      <c r="A63" s="57"/>
      <c r="B63" s="57"/>
      <c r="C63" s="1202"/>
      <c r="D63" s="1233"/>
      <c r="E63" s="1233"/>
      <c r="F63" s="1233"/>
      <c r="G63" s="1233"/>
      <c r="H63" s="1233"/>
      <c r="I63" s="1233"/>
      <c r="J63" s="1233"/>
      <c r="K63" s="1233"/>
      <c r="L63" s="1233"/>
      <c r="M63" s="1233"/>
      <c r="N63" s="1233"/>
      <c r="O63" s="1233"/>
      <c r="P63" s="1233"/>
      <c r="Q63" s="1233"/>
      <c r="R63" s="1233"/>
      <c r="S63" s="1233"/>
      <c r="T63" s="1233"/>
      <c r="U63" s="1233"/>
      <c r="V63" s="1233"/>
      <c r="W63" s="1233"/>
      <c r="X63" s="1233"/>
      <c r="Y63" s="1233"/>
      <c r="Z63" s="1233"/>
      <c r="AA63" s="1233"/>
      <c r="AB63" s="1233"/>
      <c r="AC63" s="1233"/>
      <c r="AD63" s="1233"/>
      <c r="AE63" s="1233"/>
      <c r="AF63" s="1233"/>
      <c r="AG63" s="1233"/>
      <c r="AH63" s="1233"/>
      <c r="AI63" s="1233"/>
      <c r="AJ63" s="1233"/>
      <c r="AK63" s="1402"/>
      <c r="AR63" s="1202" t="s">
        <v>172</v>
      </c>
      <c r="AS63" s="1233"/>
      <c r="AT63" s="1233"/>
      <c r="AU63" s="1233"/>
      <c r="AV63" s="1233"/>
      <c r="AW63" s="1233"/>
      <c r="AX63" s="1233"/>
      <c r="AY63" s="1233"/>
      <c r="AZ63" s="1233"/>
      <c r="BA63" s="1233"/>
      <c r="BB63" s="1233"/>
      <c r="BC63" s="1233"/>
      <c r="BD63" s="1233"/>
      <c r="BE63" s="1233"/>
      <c r="BF63" s="1233"/>
      <c r="BG63" s="1233"/>
      <c r="BH63" s="1233"/>
      <c r="BI63" s="1233"/>
      <c r="BJ63" s="1233"/>
      <c r="BK63" s="1233"/>
      <c r="BL63" s="1233"/>
      <c r="BM63" s="1233"/>
      <c r="BN63" s="1233"/>
      <c r="BO63" s="1233"/>
      <c r="BP63" s="1233"/>
      <c r="BQ63" s="1233"/>
      <c r="BR63" s="1233"/>
      <c r="BS63" s="1233"/>
      <c r="BT63" s="1233"/>
      <c r="BU63" s="1233"/>
      <c r="BV63" s="1233"/>
      <c r="BW63" s="1233"/>
      <c r="BX63" s="1233"/>
      <c r="BY63" s="1402"/>
    </row>
    <row r="64" spans="1:77" s="22" customFormat="1" ht="11.25" customHeight="1">
      <c r="A64" s="57"/>
      <c r="B64" s="57"/>
      <c r="C64" s="1202" t="s">
        <v>166</v>
      </c>
      <c r="D64" s="1233"/>
      <c r="E64" s="1233"/>
      <c r="F64" s="1233"/>
      <c r="G64" s="1233"/>
      <c r="H64" s="1233"/>
      <c r="I64" s="1233"/>
      <c r="J64" s="1233"/>
      <c r="K64" s="1233"/>
      <c r="L64" s="1233"/>
      <c r="M64" s="1233"/>
      <c r="N64" s="1233"/>
      <c r="O64" s="1233"/>
      <c r="P64" s="1233"/>
      <c r="Q64" s="1233"/>
      <c r="R64" s="1233"/>
      <c r="S64" s="1233"/>
      <c r="T64" s="1233"/>
      <c r="U64" s="1233"/>
      <c r="V64" s="1233"/>
      <c r="W64" s="1233"/>
      <c r="X64" s="1233"/>
      <c r="Y64" s="1233"/>
      <c r="Z64" s="1233"/>
      <c r="AA64" s="1233"/>
      <c r="AB64" s="1233"/>
      <c r="AC64" s="1233"/>
      <c r="AD64" s="1233"/>
      <c r="AE64" s="1233"/>
      <c r="AF64" s="1233"/>
      <c r="AG64" s="1233"/>
      <c r="AH64" s="1233"/>
      <c r="AI64" s="1233"/>
      <c r="AJ64" s="1233"/>
      <c r="AK64" s="1402"/>
      <c r="AR64" s="1202"/>
      <c r="AS64" s="1233"/>
      <c r="AT64" s="1233"/>
      <c r="AU64" s="1233"/>
      <c r="AV64" s="1233"/>
      <c r="AW64" s="1233"/>
      <c r="AX64" s="1233"/>
      <c r="AY64" s="1233"/>
      <c r="AZ64" s="1233"/>
      <c r="BA64" s="1233"/>
      <c r="BB64" s="1233"/>
      <c r="BC64" s="1233"/>
      <c r="BD64" s="1233"/>
      <c r="BE64" s="1233"/>
      <c r="BF64" s="1233"/>
      <c r="BG64" s="1233"/>
      <c r="BH64" s="1233"/>
      <c r="BI64" s="1233"/>
      <c r="BJ64" s="1233"/>
      <c r="BK64" s="1233"/>
      <c r="BL64" s="1233"/>
      <c r="BM64" s="1233"/>
      <c r="BN64" s="1233"/>
      <c r="BO64" s="1233"/>
      <c r="BP64" s="1233"/>
      <c r="BQ64" s="1233"/>
      <c r="BR64" s="1233"/>
      <c r="BS64" s="1233"/>
      <c r="BT64" s="1233"/>
      <c r="BU64" s="1233"/>
      <c r="BV64" s="1233"/>
      <c r="BW64" s="1233"/>
      <c r="BX64" s="1233"/>
      <c r="BY64" s="1402"/>
    </row>
    <row r="65" spans="3:77" ht="11.25" customHeight="1">
      <c r="C65" s="1202"/>
      <c r="D65" s="1233"/>
      <c r="E65" s="1233"/>
      <c r="F65" s="1233"/>
      <c r="G65" s="1233"/>
      <c r="H65" s="1233"/>
      <c r="I65" s="1233"/>
      <c r="J65" s="1233"/>
      <c r="K65" s="1233"/>
      <c r="L65" s="1233"/>
      <c r="M65" s="1233"/>
      <c r="N65" s="1233"/>
      <c r="O65" s="1233"/>
      <c r="P65" s="1233"/>
      <c r="Q65" s="1233"/>
      <c r="R65" s="1233"/>
      <c r="S65" s="1233"/>
      <c r="T65" s="1233"/>
      <c r="U65" s="1233"/>
      <c r="V65" s="1233"/>
      <c r="W65" s="1233"/>
      <c r="X65" s="1233"/>
      <c r="Y65" s="1233"/>
      <c r="Z65" s="1233"/>
      <c r="AA65" s="1233"/>
      <c r="AB65" s="1233"/>
      <c r="AC65" s="1233"/>
      <c r="AD65" s="1233"/>
      <c r="AE65" s="1233"/>
      <c r="AF65" s="1233"/>
      <c r="AG65" s="1233"/>
      <c r="AH65" s="1233"/>
      <c r="AI65" s="1233"/>
      <c r="AJ65" s="1233"/>
      <c r="AK65" s="1402"/>
      <c r="AM65" s="22"/>
      <c r="AN65" s="22"/>
      <c r="AO65" s="22"/>
      <c r="AP65" s="22"/>
      <c r="AQ65" s="22"/>
      <c r="AR65" s="1202" t="s">
        <v>173</v>
      </c>
      <c r="AS65" s="1233"/>
      <c r="AT65" s="1233"/>
      <c r="AU65" s="1233"/>
      <c r="AV65" s="1233"/>
      <c r="AW65" s="1233"/>
      <c r="AX65" s="1233"/>
      <c r="AY65" s="1233"/>
      <c r="AZ65" s="1233"/>
      <c r="BA65" s="1233"/>
      <c r="BB65" s="1233"/>
      <c r="BC65" s="1233"/>
      <c r="BD65" s="1233"/>
      <c r="BE65" s="1233"/>
      <c r="BF65" s="1233"/>
      <c r="BG65" s="1233"/>
      <c r="BH65" s="1233"/>
      <c r="BI65" s="1233"/>
      <c r="BJ65" s="1233"/>
      <c r="BK65" s="1233"/>
      <c r="BL65" s="1233"/>
      <c r="BM65" s="1233"/>
      <c r="BN65" s="1233"/>
      <c r="BO65" s="1233"/>
      <c r="BP65" s="1233"/>
      <c r="BQ65" s="1233"/>
      <c r="BR65" s="1233"/>
      <c r="BS65" s="1233"/>
      <c r="BT65" s="1233"/>
      <c r="BU65" s="1233"/>
      <c r="BV65" s="1233"/>
      <c r="BW65" s="1233"/>
      <c r="BX65" s="1233"/>
      <c r="BY65" s="1402"/>
    </row>
    <row r="66" spans="3:77" ht="9" customHeight="1">
      <c r="C66" s="1202" t="s">
        <v>167</v>
      </c>
      <c r="D66" s="1233"/>
      <c r="E66" s="1233"/>
      <c r="F66" s="1233"/>
      <c r="G66" s="1233"/>
      <c r="H66" s="1233"/>
      <c r="I66" s="1233"/>
      <c r="J66" s="1233"/>
      <c r="K66" s="1233"/>
      <c r="L66" s="1233"/>
      <c r="M66" s="1233"/>
      <c r="N66" s="1233"/>
      <c r="O66" s="1233"/>
      <c r="P66" s="1233"/>
      <c r="Q66" s="1233"/>
      <c r="R66" s="1233"/>
      <c r="S66" s="1233"/>
      <c r="T66" s="1233"/>
      <c r="U66" s="1233"/>
      <c r="V66" s="1233"/>
      <c r="W66" s="1233"/>
      <c r="X66" s="1233"/>
      <c r="Y66" s="1233"/>
      <c r="Z66" s="1233"/>
      <c r="AA66" s="1233"/>
      <c r="AB66" s="1233"/>
      <c r="AC66" s="1233"/>
      <c r="AD66" s="1233"/>
      <c r="AE66" s="1233"/>
      <c r="AF66" s="1233"/>
      <c r="AG66" s="1233"/>
      <c r="AH66" s="1233"/>
      <c r="AI66" s="1233"/>
      <c r="AJ66" s="1233"/>
      <c r="AK66" s="1402"/>
      <c r="AM66" s="881">
        <v>10</v>
      </c>
      <c r="AN66" s="881"/>
      <c r="AO66" s="881"/>
      <c r="AP66" s="1177"/>
      <c r="AQ66" s="1177"/>
      <c r="AR66" s="1449"/>
      <c r="AS66" s="1450"/>
      <c r="AT66" s="1450"/>
      <c r="AU66" s="1450"/>
      <c r="AV66" s="1450"/>
      <c r="AW66" s="1450"/>
      <c r="AX66" s="1450"/>
      <c r="AY66" s="1450"/>
      <c r="AZ66" s="1450"/>
      <c r="BA66" s="1450"/>
      <c r="BB66" s="1450"/>
      <c r="BC66" s="1450"/>
      <c r="BD66" s="1450"/>
      <c r="BE66" s="1450"/>
      <c r="BF66" s="1450"/>
      <c r="BG66" s="1450"/>
      <c r="BH66" s="1450"/>
      <c r="BI66" s="1450"/>
      <c r="BJ66" s="1450"/>
      <c r="BK66" s="1450"/>
      <c r="BL66" s="1450"/>
      <c r="BM66" s="1450"/>
      <c r="BN66" s="1450"/>
      <c r="BO66" s="1450"/>
      <c r="BP66" s="1450"/>
      <c r="BQ66" s="1450"/>
      <c r="BR66" s="1450"/>
      <c r="BS66" s="1450"/>
      <c r="BT66" s="1450"/>
      <c r="BU66" s="1450"/>
      <c r="BV66" s="1450"/>
      <c r="BW66" s="1450"/>
      <c r="BX66" s="1450"/>
      <c r="BY66" s="1451"/>
    </row>
    <row r="67" spans="3:77" ht="9" customHeight="1">
      <c r="C67" s="1449"/>
      <c r="D67" s="1450"/>
      <c r="E67" s="1450"/>
      <c r="F67" s="1450"/>
      <c r="G67" s="1450"/>
      <c r="H67" s="1450"/>
      <c r="I67" s="1450"/>
      <c r="J67" s="1450"/>
      <c r="K67" s="1450"/>
      <c r="L67" s="1450"/>
      <c r="M67" s="1450"/>
      <c r="N67" s="1450"/>
      <c r="O67" s="1450"/>
      <c r="P67" s="1450"/>
      <c r="Q67" s="1450"/>
      <c r="R67" s="1450"/>
      <c r="S67" s="1450"/>
      <c r="T67" s="1450"/>
      <c r="U67" s="1450"/>
      <c r="V67" s="1450"/>
      <c r="W67" s="1450"/>
      <c r="X67" s="1450"/>
      <c r="Y67" s="1450"/>
      <c r="Z67" s="1450"/>
      <c r="AA67" s="1450"/>
      <c r="AB67" s="1450"/>
      <c r="AC67" s="1450"/>
      <c r="AD67" s="1450"/>
      <c r="AE67" s="1450"/>
      <c r="AF67" s="1450"/>
      <c r="AG67" s="1450"/>
      <c r="AH67" s="1450"/>
      <c r="AI67" s="1450"/>
      <c r="AJ67" s="1450"/>
      <c r="AK67" s="1451"/>
      <c r="AM67" s="881"/>
      <c r="AN67" s="881"/>
      <c r="AO67" s="881"/>
      <c r="AP67" s="1177"/>
      <c r="AQ67" s="1177"/>
      <c r="AR67" s="22"/>
      <c r="AS67" s="22"/>
      <c r="AT67" s="22"/>
      <c r="AU67" s="22"/>
      <c r="AV67" s="22"/>
      <c r="AW67" s="22"/>
      <c r="AX67" s="22"/>
      <c r="AY67" s="22"/>
      <c r="AZ67" s="22"/>
      <c r="BA67" s="22"/>
      <c r="BB67" s="22"/>
      <c r="BC67" s="22"/>
      <c r="BD67" s="22"/>
      <c r="BE67" s="22"/>
      <c r="BF67" s="22"/>
      <c r="BG67" s="22"/>
      <c r="BH67" s="22"/>
      <c r="BI67" s="22"/>
      <c r="BJ67" s="22"/>
      <c r="BK67" s="22"/>
      <c r="BL67" s="22"/>
      <c r="BM67" s="22"/>
      <c r="BN67" s="22"/>
      <c r="BO67" s="22"/>
      <c r="BP67" s="22"/>
      <c r="BQ67" s="22"/>
      <c r="BR67" s="22"/>
      <c r="BS67" s="22"/>
      <c r="BT67" s="22"/>
      <c r="BU67" s="22"/>
      <c r="BV67" s="22"/>
      <c r="BW67" s="22"/>
      <c r="BX67" s="22"/>
      <c r="BY67" s="22"/>
    </row>
    <row r="68" spans="3:77" ht="9" customHeight="1">
      <c r="C68" s="26"/>
      <c r="D68" s="26"/>
      <c r="E68" s="26"/>
      <c r="F68" s="26"/>
      <c r="G68" s="26"/>
      <c r="H68" s="26"/>
      <c r="I68" s="26"/>
      <c r="J68" s="26"/>
      <c r="K68" s="26"/>
      <c r="L68" s="26"/>
      <c r="M68" s="26"/>
      <c r="N68" s="26"/>
      <c r="O68" s="26"/>
      <c r="P68" s="26"/>
      <c r="Q68" s="26"/>
      <c r="R68" s="26"/>
      <c r="S68" s="26"/>
      <c r="T68" s="26"/>
      <c r="U68" s="26"/>
      <c r="V68" s="26"/>
      <c r="W68" s="26"/>
      <c r="X68" s="26"/>
      <c r="Y68" s="26"/>
      <c r="Z68" s="26"/>
      <c r="AA68" s="26"/>
      <c r="AB68" s="26"/>
      <c r="AC68" s="26"/>
      <c r="AD68" s="26"/>
      <c r="AE68" s="26"/>
      <c r="AF68" s="26"/>
      <c r="AG68" s="26"/>
      <c r="AH68" s="26"/>
      <c r="AI68" s="26"/>
      <c r="AJ68" s="26"/>
      <c r="AK68" s="26"/>
      <c r="AM68" s="22"/>
      <c r="AN68" s="22"/>
      <c r="AO68" s="22"/>
      <c r="AP68" s="26"/>
      <c r="AQ68" s="26"/>
      <c r="AR68" s="1233"/>
      <c r="AS68" s="1233"/>
      <c r="AT68" s="1233"/>
      <c r="AU68" s="1233"/>
      <c r="AV68" s="1233"/>
      <c r="AW68" s="1233"/>
      <c r="AX68" s="1233"/>
      <c r="AY68" s="1233"/>
      <c r="AZ68" s="1233"/>
      <c r="BA68" s="1233"/>
      <c r="BB68" s="1233"/>
      <c r="BC68" s="1233"/>
      <c r="BD68" s="1233"/>
      <c r="BE68" s="1233"/>
      <c r="BF68" s="1233"/>
      <c r="BG68" s="1233"/>
      <c r="BH68" s="1233"/>
      <c r="BI68" s="1233"/>
      <c r="BJ68" s="1233"/>
      <c r="BK68" s="1233"/>
      <c r="BL68" s="1233"/>
      <c r="BM68" s="1233"/>
      <c r="BN68" s="1233"/>
      <c r="BO68" s="1233"/>
      <c r="BP68" s="1233"/>
      <c r="BQ68" s="1233"/>
      <c r="BR68" s="1233"/>
      <c r="BS68" s="1233"/>
      <c r="BT68" s="1233"/>
      <c r="BU68" s="1233"/>
      <c r="BV68" s="1233"/>
      <c r="BW68" s="1233"/>
      <c r="BX68" s="1233"/>
      <c r="BY68" s="1233"/>
    </row>
    <row r="69" spans="3:77" ht="9" customHeight="1">
      <c r="C69" s="26"/>
      <c r="D69" s="26"/>
      <c r="E69" s="26"/>
      <c r="F69" s="26"/>
      <c r="G69" s="26"/>
      <c r="H69" s="26"/>
      <c r="I69" s="26"/>
      <c r="J69" s="26"/>
      <c r="K69" s="26"/>
      <c r="L69" s="26"/>
      <c r="M69" s="26"/>
      <c r="N69" s="26"/>
      <c r="O69" s="26"/>
      <c r="P69" s="26"/>
      <c r="Q69" s="26"/>
      <c r="R69" s="26"/>
      <c r="S69" s="26"/>
      <c r="T69" s="26"/>
      <c r="U69" s="26"/>
      <c r="V69" s="26"/>
      <c r="W69" s="26"/>
      <c r="X69" s="26"/>
      <c r="Y69" s="26"/>
      <c r="Z69" s="26"/>
      <c r="AA69" s="26"/>
      <c r="AB69" s="26"/>
      <c r="AC69" s="26"/>
      <c r="AD69" s="26"/>
      <c r="AE69" s="26"/>
      <c r="AF69" s="26"/>
      <c r="AG69" s="26"/>
      <c r="AH69" s="26"/>
      <c r="AI69" s="26"/>
      <c r="AJ69" s="26"/>
      <c r="AK69" s="26"/>
      <c r="AM69" s="22"/>
      <c r="AN69" s="22"/>
      <c r="AO69" s="22"/>
      <c r="AP69" s="26"/>
      <c r="AQ69" s="26"/>
      <c r="AR69" s="1233"/>
      <c r="AS69" s="1233"/>
      <c r="AT69" s="1233"/>
      <c r="AU69" s="1233"/>
      <c r="AV69" s="1233"/>
      <c r="AW69" s="1233"/>
      <c r="AX69" s="1233"/>
      <c r="AY69" s="1233"/>
      <c r="AZ69" s="1233"/>
      <c r="BA69" s="1233"/>
      <c r="BB69" s="1233"/>
      <c r="BC69" s="1233"/>
      <c r="BD69" s="1233"/>
      <c r="BE69" s="1233"/>
      <c r="BF69" s="1233"/>
      <c r="BG69" s="1233"/>
      <c r="BH69" s="1233"/>
      <c r="BI69" s="1233"/>
      <c r="BJ69" s="1233"/>
      <c r="BK69" s="1233"/>
      <c r="BL69" s="1233"/>
      <c r="BM69" s="1233"/>
      <c r="BN69" s="1233"/>
      <c r="BO69" s="1233"/>
      <c r="BP69" s="1233"/>
      <c r="BQ69" s="1233"/>
      <c r="BR69" s="1233"/>
      <c r="BS69" s="1233"/>
      <c r="BT69" s="1233"/>
      <c r="BU69" s="1233"/>
      <c r="BV69" s="1233"/>
      <c r="BW69" s="1233"/>
      <c r="BX69" s="1233"/>
      <c r="BY69" s="1233"/>
    </row>
    <row r="70" spans="3:77" ht="9" customHeight="1">
      <c r="C70" s="22"/>
      <c r="D70" s="22"/>
      <c r="E70" s="22"/>
      <c r="F70" s="22"/>
      <c r="G70" s="22"/>
      <c r="H70" s="22"/>
      <c r="I70" s="22"/>
      <c r="J70" s="22"/>
      <c r="K70" s="22"/>
      <c r="L70" s="22"/>
      <c r="M70" s="22"/>
      <c r="N70" s="22"/>
      <c r="O70" s="22"/>
      <c r="P70" s="22"/>
      <c r="Q70" s="22"/>
      <c r="R70" s="22"/>
      <c r="S70" s="22"/>
      <c r="T70" s="22"/>
      <c r="U70" s="22"/>
      <c r="V70" s="22"/>
      <c r="W70" s="22"/>
      <c r="X70" s="22"/>
      <c r="Y70" s="22"/>
      <c r="Z70" s="22"/>
      <c r="AA70" s="22"/>
      <c r="AB70" s="22"/>
      <c r="AC70" s="22"/>
      <c r="AD70" s="22"/>
      <c r="AE70" s="22"/>
      <c r="AF70" s="22"/>
      <c r="AG70" s="22"/>
      <c r="AH70" s="22"/>
      <c r="AI70" s="22"/>
      <c r="AJ70" s="22"/>
      <c r="AK70" s="22"/>
      <c r="AP70" s="26"/>
      <c r="AQ70" s="26"/>
      <c r="AR70" s="1233"/>
      <c r="AS70" s="1233"/>
      <c r="AT70" s="1233"/>
      <c r="AU70" s="1233"/>
      <c r="AV70" s="1233"/>
      <c r="AW70" s="1233"/>
      <c r="AX70" s="1233"/>
      <c r="AY70" s="1233"/>
      <c r="AZ70" s="1233"/>
      <c r="BA70" s="1233"/>
      <c r="BB70" s="1233"/>
      <c r="BC70" s="1233"/>
      <c r="BD70" s="1233"/>
      <c r="BE70" s="1233"/>
      <c r="BF70" s="1233"/>
      <c r="BG70" s="1233"/>
      <c r="BH70" s="1233"/>
      <c r="BI70" s="1233"/>
      <c r="BJ70" s="1233"/>
      <c r="BK70" s="1233"/>
      <c r="BL70" s="1233"/>
      <c r="BM70" s="1233"/>
      <c r="BN70" s="1233"/>
      <c r="BO70" s="1233"/>
      <c r="BP70" s="1233"/>
      <c r="BQ70" s="1233"/>
      <c r="BR70" s="1233"/>
      <c r="BS70" s="1233"/>
      <c r="BT70" s="1233"/>
      <c r="BU70" s="1233"/>
      <c r="BV70" s="1233"/>
      <c r="BW70" s="1233"/>
      <c r="BX70" s="1233"/>
      <c r="BY70" s="1233"/>
    </row>
    <row r="71" spans="3:77" ht="9" customHeight="1">
      <c r="AP71" s="26"/>
      <c r="AQ71" s="26"/>
      <c r="AR71" s="1233"/>
      <c r="AS71" s="1233"/>
      <c r="AT71" s="1233"/>
      <c r="AU71" s="1233"/>
      <c r="AV71" s="1233"/>
      <c r="AW71" s="1233"/>
      <c r="AX71" s="1233"/>
      <c r="AY71" s="1233"/>
      <c r="AZ71" s="1233"/>
      <c r="BA71" s="1233"/>
      <c r="BB71" s="1233"/>
      <c r="BC71" s="1233"/>
      <c r="BD71" s="1233"/>
      <c r="BE71" s="1233"/>
      <c r="BF71" s="1233"/>
      <c r="BG71" s="1233"/>
      <c r="BH71" s="1233"/>
      <c r="BI71" s="1233"/>
      <c r="BJ71" s="1233"/>
      <c r="BK71" s="1233"/>
      <c r="BL71" s="1233"/>
      <c r="BM71" s="1233"/>
      <c r="BN71" s="1233"/>
      <c r="BO71" s="1233"/>
      <c r="BP71" s="1233"/>
      <c r="BQ71" s="1233"/>
      <c r="BR71" s="1233"/>
      <c r="BS71" s="1233"/>
      <c r="BT71" s="1233"/>
      <c r="BU71" s="1233"/>
      <c r="BV71" s="1233"/>
      <c r="BW71" s="1233"/>
      <c r="BX71" s="1233"/>
      <c r="BY71" s="1233"/>
    </row>
    <row r="72" spans="3:77" ht="9" customHeight="1">
      <c r="AP72" s="22"/>
      <c r="AQ72" s="22"/>
      <c r="AR72" s="1233"/>
      <c r="AS72" s="1233"/>
      <c r="AT72" s="1233"/>
      <c r="AU72" s="1233"/>
      <c r="AV72" s="1233"/>
      <c r="AW72" s="1233"/>
      <c r="AX72" s="1233"/>
      <c r="AY72" s="1233"/>
      <c r="AZ72" s="1233"/>
      <c r="BA72" s="1233"/>
      <c r="BB72" s="1233"/>
      <c r="BC72" s="1233"/>
      <c r="BD72" s="1233"/>
      <c r="BE72" s="1233"/>
      <c r="BF72" s="1233"/>
      <c r="BG72" s="1233"/>
      <c r="BH72" s="1233"/>
      <c r="BI72" s="1233"/>
      <c r="BJ72" s="1233"/>
      <c r="BK72" s="1233"/>
      <c r="BL72" s="1233"/>
      <c r="BM72" s="1233"/>
      <c r="BN72" s="1233"/>
      <c r="BO72" s="1233"/>
      <c r="BP72" s="1233"/>
      <c r="BQ72" s="1233"/>
      <c r="BR72" s="1233"/>
      <c r="BS72" s="1233"/>
      <c r="BT72" s="1233"/>
      <c r="BU72" s="1233"/>
      <c r="BV72" s="1233"/>
      <c r="BW72" s="1233"/>
      <c r="BX72" s="1233"/>
      <c r="BY72" s="1233"/>
    </row>
    <row r="73" spans="3:77" ht="9" customHeight="1">
      <c r="AP73" s="22"/>
      <c r="AQ73" s="22"/>
      <c r="AR73" s="1233"/>
      <c r="AS73" s="1233"/>
      <c r="AT73" s="1233"/>
      <c r="AU73" s="1233"/>
      <c r="AV73" s="1233"/>
      <c r="AW73" s="1233"/>
      <c r="AX73" s="1233"/>
      <c r="AY73" s="1233"/>
      <c r="AZ73" s="1233"/>
      <c r="BA73" s="1233"/>
      <c r="BB73" s="1233"/>
      <c r="BC73" s="1233"/>
      <c r="BD73" s="1233"/>
      <c r="BE73" s="1233"/>
      <c r="BF73" s="1233"/>
      <c r="BG73" s="1233"/>
      <c r="BH73" s="1233"/>
      <c r="BI73" s="1233"/>
      <c r="BJ73" s="1233"/>
      <c r="BK73" s="1233"/>
      <c r="BL73" s="1233"/>
      <c r="BM73" s="1233"/>
      <c r="BN73" s="1233"/>
      <c r="BO73" s="1233"/>
      <c r="BP73" s="1233"/>
      <c r="BQ73" s="1233"/>
      <c r="BR73" s="1233"/>
      <c r="BS73" s="1233"/>
      <c r="BT73" s="1233"/>
      <c r="BU73" s="1233"/>
      <c r="BV73" s="1233"/>
      <c r="BW73" s="1233"/>
      <c r="BX73" s="1233"/>
      <c r="BY73" s="1233"/>
    </row>
    <row r="74" spans="3:77" ht="9" customHeight="1">
      <c r="AP74" s="22"/>
      <c r="AQ74" s="22"/>
      <c r="AR74" s="22"/>
      <c r="AS74" s="22"/>
      <c r="AT74" s="22"/>
      <c r="AU74" s="22"/>
      <c r="AV74" s="22"/>
      <c r="AW74" s="22"/>
      <c r="AX74" s="22"/>
      <c r="AY74" s="22"/>
      <c r="AZ74" s="22"/>
      <c r="BA74" s="22"/>
      <c r="BB74" s="22"/>
      <c r="BC74" s="22"/>
      <c r="BD74" s="22"/>
      <c r="BE74" s="22"/>
      <c r="BF74" s="22"/>
      <c r="BG74" s="22"/>
      <c r="BH74" s="22"/>
      <c r="BI74" s="22"/>
      <c r="BJ74" s="22"/>
      <c r="BK74" s="22"/>
      <c r="BL74" s="22"/>
      <c r="BM74" s="22"/>
      <c r="BN74" s="22"/>
      <c r="BO74" s="22"/>
      <c r="BP74" s="22"/>
      <c r="BQ74" s="22"/>
      <c r="BR74" s="22"/>
      <c r="BS74" s="22"/>
      <c r="BT74" s="22"/>
      <c r="BU74" s="22"/>
      <c r="BV74" s="22"/>
      <c r="BW74" s="22"/>
      <c r="BX74" s="22"/>
      <c r="BY74" s="22"/>
    </row>
    <row r="75" spans="3:77" ht="9" customHeight="1">
      <c r="AP75" s="22"/>
      <c r="AQ75" s="22"/>
      <c r="AR75" s="22"/>
      <c r="AS75" s="22"/>
      <c r="AT75" s="22"/>
      <c r="AU75" s="22"/>
      <c r="AV75" s="22"/>
      <c r="AW75" s="22"/>
      <c r="AX75" s="22"/>
      <c r="AY75" s="22"/>
      <c r="AZ75" s="22"/>
      <c r="BA75" s="22"/>
      <c r="BB75" s="22"/>
      <c r="BC75" s="22"/>
      <c r="BD75" s="22"/>
      <c r="BE75" s="22"/>
      <c r="BF75" s="22"/>
      <c r="BG75" s="22"/>
      <c r="BH75" s="22"/>
      <c r="BI75" s="22"/>
      <c r="BJ75" s="22"/>
      <c r="BK75" s="22"/>
      <c r="BL75" s="22"/>
      <c r="BM75" s="22"/>
      <c r="BN75" s="22"/>
      <c r="BO75" s="22"/>
      <c r="BP75" s="22"/>
      <c r="BQ75" s="22"/>
      <c r="BR75" s="22"/>
      <c r="BS75" s="22"/>
      <c r="BT75" s="22"/>
      <c r="BU75" s="22"/>
      <c r="BV75" s="22"/>
      <c r="BW75" s="22"/>
      <c r="BX75" s="22"/>
      <c r="BY75" s="22"/>
    </row>
    <row r="76" spans="3:77" ht="9" customHeight="1">
      <c r="AP76" s="22"/>
      <c r="AQ76" s="22"/>
      <c r="AR76" s="22"/>
      <c r="AS76" s="22"/>
      <c r="AT76" s="22"/>
      <c r="AU76" s="22"/>
      <c r="AV76" s="22"/>
      <c r="AW76" s="22"/>
      <c r="AX76" s="22"/>
      <c r="AY76" s="22"/>
      <c r="AZ76" s="22"/>
      <c r="BA76" s="22"/>
      <c r="BB76" s="22"/>
      <c r="BC76" s="22"/>
      <c r="BD76" s="22"/>
      <c r="BE76" s="22"/>
      <c r="BF76" s="22"/>
      <c r="BG76" s="22"/>
      <c r="BH76" s="22"/>
      <c r="BI76" s="22"/>
      <c r="BJ76" s="22"/>
      <c r="BK76" s="22"/>
      <c r="BL76" s="22"/>
      <c r="BM76" s="22"/>
      <c r="BN76" s="22"/>
      <c r="BO76" s="22"/>
      <c r="BP76" s="22"/>
      <c r="BQ76" s="22"/>
      <c r="BR76" s="22"/>
      <c r="BS76" s="22"/>
      <c r="BT76" s="22"/>
      <c r="BU76" s="22"/>
      <c r="BV76" s="22"/>
      <c r="BW76" s="22"/>
      <c r="BX76" s="22"/>
      <c r="BY76" s="22"/>
    </row>
    <row r="77" spans="3:77" ht="9" customHeight="1">
      <c r="AP77" s="22"/>
      <c r="AQ77" s="22"/>
      <c r="AR77" s="22"/>
      <c r="AS77" s="22"/>
      <c r="AT77" s="22"/>
      <c r="AU77" s="22"/>
      <c r="AV77" s="22"/>
      <c r="AW77" s="22"/>
      <c r="AX77" s="22"/>
      <c r="AY77" s="22"/>
      <c r="AZ77" s="22"/>
      <c r="BA77" s="22"/>
      <c r="BB77" s="22"/>
      <c r="BC77" s="22"/>
      <c r="BD77" s="22"/>
      <c r="BE77" s="22"/>
      <c r="BF77" s="22"/>
      <c r="BG77" s="22"/>
      <c r="BH77" s="22"/>
      <c r="BI77" s="22"/>
      <c r="BJ77" s="22"/>
      <c r="BK77" s="22"/>
      <c r="BL77" s="22"/>
      <c r="BM77" s="22"/>
      <c r="BN77" s="22"/>
      <c r="BO77" s="22"/>
      <c r="BP77" s="22"/>
      <c r="BQ77" s="22"/>
      <c r="BR77" s="22"/>
      <c r="BS77" s="22"/>
      <c r="BT77" s="22"/>
      <c r="BU77" s="22"/>
      <c r="BV77" s="22"/>
      <c r="BW77" s="22"/>
      <c r="BX77" s="22"/>
      <c r="BY77" s="22"/>
    </row>
    <row r="78" spans="3:77" ht="9" customHeight="1">
      <c r="AP78" s="22"/>
      <c r="AQ78" s="22"/>
      <c r="AR78" s="22"/>
      <c r="AS78" s="22"/>
      <c r="AT78" s="22"/>
      <c r="AU78" s="22"/>
      <c r="AV78" s="22"/>
      <c r="AW78" s="22"/>
      <c r="AX78" s="22"/>
      <c r="AY78" s="22"/>
      <c r="AZ78" s="22"/>
      <c r="BA78" s="22"/>
      <c r="BB78" s="22"/>
      <c r="BC78" s="22"/>
      <c r="BD78" s="22"/>
      <c r="BE78" s="22"/>
      <c r="BF78" s="22"/>
      <c r="BG78" s="22"/>
      <c r="BH78" s="22"/>
      <c r="BI78" s="22"/>
      <c r="BJ78" s="22"/>
      <c r="BK78" s="22"/>
      <c r="BL78" s="22"/>
      <c r="BM78" s="22"/>
      <c r="BN78" s="22"/>
      <c r="BO78" s="22"/>
      <c r="BP78" s="22"/>
      <c r="BQ78" s="22"/>
      <c r="BR78" s="22"/>
      <c r="BS78" s="22"/>
      <c r="BT78" s="22"/>
      <c r="BU78" s="22"/>
      <c r="BV78" s="22"/>
      <c r="BW78" s="22"/>
      <c r="BX78" s="22"/>
      <c r="BY78" s="22"/>
    </row>
    <row r="79" spans="3:77" ht="9" customHeight="1">
      <c r="AP79" s="22"/>
      <c r="AQ79" s="22"/>
      <c r="AR79" s="22"/>
      <c r="AS79" s="22"/>
      <c r="AT79" s="22"/>
      <c r="AU79" s="22"/>
      <c r="AV79" s="22"/>
      <c r="AW79" s="22"/>
      <c r="AX79" s="22"/>
      <c r="AY79" s="22"/>
      <c r="AZ79" s="22"/>
      <c r="BA79" s="22"/>
      <c r="BB79" s="22"/>
      <c r="BC79" s="22"/>
      <c r="BD79" s="22"/>
      <c r="BE79" s="22"/>
      <c r="BF79" s="22"/>
      <c r="BG79" s="22"/>
      <c r="BH79" s="22"/>
      <c r="BI79" s="22"/>
      <c r="BJ79" s="22"/>
      <c r="BK79" s="22"/>
      <c r="BL79" s="22"/>
      <c r="BM79" s="22"/>
      <c r="BN79" s="22"/>
      <c r="BO79" s="22"/>
      <c r="BP79" s="22"/>
      <c r="BQ79" s="22"/>
      <c r="BR79" s="22"/>
      <c r="BS79" s="22"/>
      <c r="BT79" s="22"/>
      <c r="BU79" s="22"/>
      <c r="BV79" s="22"/>
      <c r="BW79" s="22"/>
      <c r="BX79" s="22"/>
      <c r="BY79" s="22"/>
    </row>
    <row r="80" spans="3:77" ht="9" customHeight="1">
      <c r="AP80" s="22"/>
      <c r="AQ80" s="22"/>
      <c r="AR80" s="22"/>
      <c r="AS80" s="22"/>
      <c r="AT80" s="22"/>
      <c r="AU80" s="22"/>
      <c r="AV80" s="22"/>
      <c r="AW80" s="22"/>
      <c r="AX80" s="22"/>
      <c r="AY80" s="22"/>
      <c r="AZ80" s="22"/>
      <c r="BA80" s="22"/>
      <c r="BB80" s="22"/>
      <c r="BC80" s="22"/>
      <c r="BD80" s="22"/>
      <c r="BE80" s="22"/>
      <c r="BF80" s="22"/>
      <c r="BG80" s="22"/>
      <c r="BH80" s="22"/>
      <c r="BI80" s="22"/>
      <c r="BJ80" s="22"/>
      <c r="BK80" s="22"/>
      <c r="BL80" s="22"/>
      <c r="BM80" s="22"/>
      <c r="BN80" s="22"/>
      <c r="BO80" s="22"/>
      <c r="BP80" s="22"/>
      <c r="BQ80" s="22"/>
      <c r="BR80" s="22"/>
      <c r="BS80" s="22"/>
      <c r="BT80" s="22"/>
      <c r="BU80" s="22"/>
      <c r="BV80" s="22"/>
      <c r="BW80" s="22"/>
      <c r="BX80" s="22"/>
      <c r="BY80" s="22"/>
    </row>
    <row r="81" spans="44:77" ht="9" customHeight="1">
      <c r="AR81" s="22"/>
      <c r="AS81" s="22"/>
      <c r="AT81" s="22"/>
      <c r="AU81" s="22"/>
      <c r="AV81" s="22"/>
      <c r="AW81" s="22"/>
      <c r="AX81" s="22"/>
      <c r="AY81" s="22"/>
      <c r="AZ81" s="22"/>
      <c r="BA81" s="22"/>
      <c r="BB81" s="22"/>
      <c r="BC81" s="22"/>
      <c r="BD81" s="22"/>
      <c r="BE81" s="22"/>
      <c r="BF81" s="22"/>
      <c r="BG81" s="22"/>
      <c r="BH81" s="22"/>
      <c r="BI81" s="22"/>
      <c r="BJ81" s="22"/>
      <c r="BK81" s="22"/>
      <c r="BL81" s="22"/>
      <c r="BM81" s="22"/>
      <c r="BN81" s="22"/>
      <c r="BO81" s="22"/>
      <c r="BP81" s="22"/>
      <c r="BQ81" s="22"/>
      <c r="BR81" s="22"/>
      <c r="BS81" s="22"/>
      <c r="BT81" s="22"/>
      <c r="BU81" s="22"/>
      <c r="BV81" s="22"/>
      <c r="BW81" s="22"/>
      <c r="BX81" s="22"/>
      <c r="BY81" s="22"/>
    </row>
    <row r="82" spans="44:77" ht="9" customHeight="1">
      <c r="AR82" s="22"/>
      <c r="AS82" s="22"/>
      <c r="AT82" s="22"/>
      <c r="AU82" s="22"/>
      <c r="AV82" s="22"/>
      <c r="AW82" s="22"/>
      <c r="AX82" s="22"/>
      <c r="AY82" s="22"/>
      <c r="AZ82" s="22"/>
      <c r="BA82" s="22"/>
      <c r="BB82" s="22"/>
      <c r="BC82" s="22"/>
      <c r="BD82" s="22"/>
      <c r="BE82" s="22"/>
      <c r="BF82" s="22"/>
      <c r="BG82" s="22"/>
      <c r="BH82" s="22"/>
      <c r="BI82" s="22"/>
      <c r="BJ82" s="22"/>
      <c r="BK82" s="22"/>
      <c r="BL82" s="22"/>
      <c r="BM82" s="22"/>
      <c r="BN82" s="22"/>
      <c r="BO82" s="22"/>
      <c r="BP82" s="22"/>
      <c r="BQ82" s="22"/>
      <c r="BR82" s="22"/>
      <c r="BS82" s="22"/>
      <c r="BT82" s="22"/>
      <c r="BU82" s="22"/>
      <c r="BV82" s="22"/>
      <c r="BW82" s="22"/>
      <c r="BX82" s="22"/>
      <c r="BY82" s="22"/>
    </row>
    <row r="83" spans="44:77" ht="9" customHeight="1"/>
    <row r="84" spans="44:77" ht="9" customHeight="1"/>
    <row r="85" spans="44:77" ht="9" customHeight="1"/>
    <row r="86" spans="44:77" ht="9" customHeight="1"/>
    <row r="87" spans="44:77" ht="9" customHeight="1"/>
    <row r="88" spans="44:77" ht="9" customHeight="1"/>
    <row r="89" spans="44:77" ht="9" customHeight="1"/>
    <row r="90" spans="44:77" ht="9" customHeight="1"/>
    <row r="91" spans="44:77" ht="9" customHeight="1"/>
    <row r="92" spans="44:77" ht="9" customHeight="1"/>
    <row r="93" spans="44:77" ht="9" customHeight="1"/>
    <row r="94" spans="44:77" ht="9" customHeight="1"/>
    <row r="95" spans="44:77" ht="9" customHeight="1"/>
    <row r="96" spans="44:77" ht="9" customHeight="1"/>
    <row r="97" ht="9" customHeight="1"/>
    <row r="98" ht="9" customHeight="1"/>
    <row r="99" ht="9" customHeight="1"/>
    <row r="100" ht="9" customHeight="1"/>
    <row r="101" ht="9" customHeight="1"/>
    <row r="102" ht="9" customHeight="1"/>
    <row r="103" ht="9" customHeight="1"/>
    <row r="104" ht="9" customHeight="1"/>
    <row r="105" ht="9" customHeight="1"/>
    <row r="106" ht="9" customHeight="1"/>
    <row r="107" ht="9" customHeight="1"/>
    <row r="108" ht="9" customHeight="1"/>
    <row r="109" ht="9" customHeight="1"/>
    <row r="110" ht="9" customHeight="1"/>
    <row r="111" ht="9" customHeight="1"/>
    <row r="112" ht="9" customHeight="1"/>
    <row r="113" ht="9" customHeight="1"/>
    <row r="114" ht="9" customHeight="1"/>
    <row r="115" ht="9" customHeight="1"/>
    <row r="116" ht="9" customHeight="1"/>
    <row r="117" ht="9" customHeight="1"/>
    <row r="118" ht="9" customHeight="1"/>
    <row r="119" ht="9" customHeight="1"/>
    <row r="120" ht="9" customHeight="1"/>
    <row r="121" ht="9" customHeight="1"/>
    <row r="122" ht="9" customHeight="1"/>
    <row r="123" ht="9" customHeight="1"/>
    <row r="124" ht="9" customHeight="1"/>
    <row r="125" ht="9" customHeight="1"/>
    <row r="126" ht="9" customHeight="1"/>
    <row r="127" ht="9" customHeight="1"/>
    <row r="128" ht="9" customHeight="1"/>
    <row r="129" ht="9" customHeight="1"/>
    <row r="130" ht="9" customHeight="1"/>
    <row r="131" ht="9" customHeight="1"/>
    <row r="132" ht="9" customHeight="1"/>
    <row r="133" ht="9" customHeight="1"/>
    <row r="134" ht="9" customHeight="1"/>
    <row r="135" ht="9" customHeight="1"/>
    <row r="136" ht="9" customHeight="1"/>
    <row r="137" ht="9" customHeight="1"/>
    <row r="138" ht="9" customHeight="1"/>
    <row r="139" ht="9" customHeight="1"/>
    <row r="140" ht="9" customHeight="1"/>
    <row r="141" ht="9" customHeight="1"/>
    <row r="142" ht="9" customHeight="1"/>
    <row r="143" ht="9" customHeight="1"/>
    <row r="144" ht="9" customHeight="1"/>
    <row r="145" ht="9" customHeight="1"/>
    <row r="146" ht="9" customHeight="1"/>
    <row r="147" ht="9" customHeight="1"/>
    <row r="148" ht="9" customHeight="1"/>
    <row r="149" ht="9" customHeight="1"/>
    <row r="150" ht="9" customHeight="1"/>
    <row r="151" ht="9" customHeight="1"/>
    <row r="152" ht="9" customHeight="1"/>
    <row r="153" ht="9" customHeight="1"/>
    <row r="154" ht="9" customHeight="1"/>
    <row r="155" ht="9" customHeight="1"/>
    <row r="156" ht="9" customHeight="1"/>
    <row r="157" ht="9" customHeight="1"/>
    <row r="158" ht="9" customHeight="1"/>
    <row r="159" ht="9" customHeight="1"/>
    <row r="160" ht="9" customHeight="1"/>
    <row r="161" ht="9" customHeight="1"/>
    <row r="162" ht="9" customHeight="1"/>
    <row r="163" ht="9" customHeight="1"/>
    <row r="164" ht="9" customHeight="1"/>
    <row r="165" ht="9" customHeight="1"/>
    <row r="166" ht="9" customHeight="1"/>
    <row r="167" ht="9" customHeight="1"/>
    <row r="168" ht="9" customHeight="1"/>
    <row r="169" ht="9" customHeight="1"/>
    <row r="170" ht="9" customHeight="1"/>
    <row r="171" ht="9" customHeight="1"/>
  </sheetData>
  <mergeCells count="158">
    <mergeCell ref="A42:B43"/>
    <mergeCell ref="AR55:BY56"/>
    <mergeCell ref="AR61:BY62"/>
    <mergeCell ref="C44:AK45"/>
    <mergeCell ref="C46:AK47"/>
    <mergeCell ref="C48:AK49"/>
    <mergeCell ref="AM66:AO67"/>
    <mergeCell ref="BJ2:BQ2"/>
    <mergeCell ref="AR10:AR11"/>
    <mergeCell ref="AN10:AN11"/>
    <mergeCell ref="AK10:AK11"/>
    <mergeCell ref="BX10:BX11"/>
    <mergeCell ref="BU10:BU11"/>
    <mergeCell ref="BP10:BP11"/>
    <mergeCell ref="AZ10:AZ11"/>
    <mergeCell ref="BA10:BA11"/>
    <mergeCell ref="BC10:BC11"/>
    <mergeCell ref="BS10:BS11"/>
    <mergeCell ref="BG10:BG11"/>
    <mergeCell ref="BH10:BH11"/>
    <mergeCell ref="BW10:BW11"/>
    <mergeCell ref="BM10:BM11"/>
    <mergeCell ref="BI10:BI11"/>
    <mergeCell ref="AR21:BY22"/>
    <mergeCell ref="AR23:BY24"/>
    <mergeCell ref="C64:AK65"/>
    <mergeCell ref="C66:AK67"/>
    <mergeCell ref="C50:AK51"/>
    <mergeCell ref="C52:AK53"/>
    <mergeCell ref="C54:AK55"/>
    <mergeCell ref="C58:AK59"/>
    <mergeCell ref="C56:AK57"/>
    <mergeCell ref="C35:AK36"/>
    <mergeCell ref="C37:AK38"/>
    <mergeCell ref="C39:AK40"/>
    <mergeCell ref="C60:AK61"/>
    <mergeCell ref="C62:AK63"/>
    <mergeCell ref="C26:AK27"/>
    <mergeCell ref="C28:AK30"/>
    <mergeCell ref="C31:AK32"/>
    <mergeCell ref="C33:AK34"/>
    <mergeCell ref="A17:B18"/>
    <mergeCell ref="A22:B23"/>
    <mergeCell ref="C24:AK25"/>
    <mergeCell ref="BT10:BT11"/>
    <mergeCell ref="BJ10:BJ11"/>
    <mergeCell ref="BK10:BK11"/>
    <mergeCell ref="BL10:BL11"/>
    <mergeCell ref="BN10:BN11"/>
    <mergeCell ref="BD10:BD11"/>
    <mergeCell ref="AX10:AX11"/>
    <mergeCell ref="C19:AK20"/>
    <mergeCell ref="AR17:BY18"/>
    <mergeCell ref="AR19:BY20"/>
    <mergeCell ref="AP17:AQ18"/>
    <mergeCell ref="BV10:BV11"/>
    <mergeCell ref="AS10:AS11"/>
    <mergeCell ref="AT10:AT11"/>
    <mergeCell ref="AV10:AV11"/>
    <mergeCell ref="AW10:AW11"/>
    <mergeCell ref="AU10:AU11"/>
    <mergeCell ref="BY10:BY11"/>
    <mergeCell ref="BO10:BO11"/>
    <mergeCell ref="BQ10:BQ11"/>
    <mergeCell ref="BR10:BR11"/>
    <mergeCell ref="BY3:BY7"/>
    <mergeCell ref="BQ6:BX7"/>
    <mergeCell ref="BQ4:BX5"/>
    <mergeCell ref="BJ5:BP6"/>
    <mergeCell ref="BC5:BI6"/>
    <mergeCell ref="AY10:AY11"/>
    <mergeCell ref="BF10:BF11"/>
    <mergeCell ref="BB10:BB11"/>
    <mergeCell ref="BE10:BE11"/>
    <mergeCell ref="AB5:AC7"/>
    <mergeCell ref="AA5:AA7"/>
    <mergeCell ref="AO10:AO11"/>
    <mergeCell ref="AP10:AP11"/>
    <mergeCell ref="AL10:AL11"/>
    <mergeCell ref="AM10:AM11"/>
    <mergeCell ref="AE10:AE11"/>
    <mergeCell ref="D4:E7"/>
    <mergeCell ref="G5:Q6"/>
    <mergeCell ref="AH6:AN7"/>
    <mergeCell ref="AH4:AN5"/>
    <mergeCell ref="AA3:AG4"/>
    <mergeCell ref="BT14:BU15"/>
    <mergeCell ref="BY14:BY15"/>
    <mergeCell ref="D9:E11"/>
    <mergeCell ref="N10:N11"/>
    <mergeCell ref="M10:M11"/>
    <mergeCell ref="L10:L11"/>
    <mergeCell ref="J10:J11"/>
    <mergeCell ref="I10:I11"/>
    <mergeCell ref="H10:H11"/>
    <mergeCell ref="G10:G11"/>
    <mergeCell ref="Y10:Y11"/>
    <mergeCell ref="Z10:Z11"/>
    <mergeCell ref="K10:K11"/>
    <mergeCell ref="V10:V11"/>
    <mergeCell ref="F10:F11"/>
    <mergeCell ref="S10:S11"/>
    <mergeCell ref="T10:T11"/>
    <mergeCell ref="U10:U11"/>
    <mergeCell ref="AJ10:AJ11"/>
    <mergeCell ref="AG10:AG11"/>
    <mergeCell ref="AH10:AH11"/>
    <mergeCell ref="AA10:AA11"/>
    <mergeCell ref="AB10:AB11"/>
    <mergeCell ref="AC10:AC11"/>
    <mergeCell ref="X1:BA1"/>
    <mergeCell ref="K14:L15"/>
    <mergeCell ref="Y14:Z15"/>
    <mergeCell ref="AX14:AX15"/>
    <mergeCell ref="R10:R11"/>
    <mergeCell ref="Q10:Q11"/>
    <mergeCell ref="P10:P11"/>
    <mergeCell ref="O10:O11"/>
    <mergeCell ref="W10:W11"/>
    <mergeCell ref="X10:X11"/>
    <mergeCell ref="AD10:AD11"/>
    <mergeCell ref="AF10:AF11"/>
    <mergeCell ref="AQ10:AQ11"/>
    <mergeCell ref="S3:S7"/>
    <mergeCell ref="T5:T7"/>
    <mergeCell ref="W5:X7"/>
    <mergeCell ref="T3:Z4"/>
    <mergeCell ref="Y5:Z7"/>
    <mergeCell ref="U5:V7"/>
    <mergeCell ref="AO5:AU6"/>
    <mergeCell ref="AI10:AI11"/>
    <mergeCell ref="AV5:BB6"/>
    <mergeCell ref="AF5:AG7"/>
    <mergeCell ref="AD5:AE7"/>
    <mergeCell ref="C17:AK18"/>
    <mergeCell ref="C22:AK23"/>
    <mergeCell ref="C42:AK43"/>
    <mergeCell ref="AR47:BY48"/>
    <mergeCell ref="AR59:BY60"/>
    <mergeCell ref="AR70:BY71"/>
    <mergeCell ref="AR72:BY73"/>
    <mergeCell ref="AS31:BX32"/>
    <mergeCell ref="AS33:BX34"/>
    <mergeCell ref="AS35:BX40"/>
    <mergeCell ref="AR53:BY54"/>
    <mergeCell ref="AP59:AQ60"/>
    <mergeCell ref="AR63:BY64"/>
    <mergeCell ref="AR65:BY66"/>
    <mergeCell ref="AP66:AQ67"/>
    <mergeCell ref="AR68:BY69"/>
    <mergeCell ref="AR41:BY42"/>
    <mergeCell ref="AR43:BY44"/>
    <mergeCell ref="AP47:AQ48"/>
    <mergeCell ref="AR49:BY50"/>
    <mergeCell ref="AR51:BY52"/>
    <mergeCell ref="AR25:BY26"/>
    <mergeCell ref="AR27:BY28"/>
    <mergeCell ref="AR29:BY30"/>
  </mergeCells>
  <phoneticPr fontId="2"/>
  <pageMargins left="0.78740157480314965" right="0.39370078740157483" top="0.59055118110236227" bottom="0.19685039370078741" header="0.59055118110236227" footer="0.19685039370078741"/>
  <pageSetup paperSize="9" scale="78" orientation="landscape" cellComments="asDisplayed"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CU80"/>
  <sheetViews>
    <sheetView view="pageBreakPreview" zoomScale="85" zoomScaleNormal="70" zoomScaleSheetLayoutView="85" workbookViewId="0">
      <selection activeCell="AA12" sqref="AA12"/>
    </sheetView>
  </sheetViews>
  <sheetFormatPr defaultRowHeight="14.4"/>
  <cols>
    <col min="1" max="2" width="2" customWidth="1"/>
    <col min="3" max="3" width="0.796875" customWidth="1"/>
    <col min="4" max="4" width="3" customWidth="1"/>
    <col min="5" max="5" width="0.69921875" customWidth="1"/>
    <col min="6" max="46" width="2" customWidth="1"/>
    <col min="47" max="49" width="1.796875" customWidth="1"/>
    <col min="50" max="64" width="2" customWidth="1"/>
    <col min="72" max="72" width="11.69921875" customWidth="1"/>
  </cols>
  <sheetData>
    <row r="1" spans="1:99" ht="31.5" customHeight="1" thickBot="1">
      <c r="A1" s="116"/>
      <c r="B1" s="116"/>
      <c r="C1" s="116"/>
      <c r="D1" s="116"/>
      <c r="E1" s="116"/>
      <c r="F1" s="116"/>
      <c r="G1" s="116"/>
      <c r="H1" s="116"/>
      <c r="I1" s="116"/>
      <c r="J1" s="116"/>
      <c r="K1" s="116"/>
      <c r="L1" s="116"/>
      <c r="M1" s="116"/>
      <c r="N1" s="116"/>
      <c r="O1" s="116"/>
      <c r="P1" s="116"/>
      <c r="Q1" s="116"/>
      <c r="R1" s="116"/>
      <c r="S1" s="116"/>
      <c r="T1" s="116"/>
      <c r="U1" s="116"/>
      <c r="V1" s="116"/>
      <c r="W1" s="116"/>
      <c r="X1" s="116"/>
      <c r="Y1" s="116"/>
      <c r="Z1" s="116"/>
      <c r="AA1" s="116"/>
      <c r="AB1" s="116"/>
      <c r="AC1" s="116"/>
      <c r="AD1" s="116"/>
      <c r="AE1" s="116"/>
      <c r="AF1" s="116"/>
      <c r="AG1" s="116"/>
      <c r="AH1" s="116"/>
      <c r="AI1" s="116"/>
      <c r="AJ1" s="116"/>
      <c r="AK1" s="116"/>
      <c r="AL1" s="116"/>
      <c r="AM1" s="116"/>
      <c r="AN1" s="116"/>
      <c r="AO1" s="116"/>
      <c r="AP1" s="116"/>
      <c r="AQ1" s="116"/>
      <c r="AR1" s="116"/>
      <c r="AS1" s="116"/>
      <c r="AT1" s="116"/>
      <c r="AU1" s="116"/>
      <c r="AV1" s="116"/>
      <c r="AW1" s="116"/>
      <c r="AX1" s="116"/>
      <c r="AY1" s="116"/>
      <c r="AZ1" s="116"/>
      <c r="BA1" s="116"/>
    </row>
    <row r="2" spans="1:99" ht="18" customHeight="1">
      <c r="B2" s="1731" t="s">
        <v>255</v>
      </c>
      <c r="C2" s="1732"/>
      <c r="D2" s="1732"/>
      <c r="E2" s="1732"/>
      <c r="F2" s="1732"/>
      <c r="G2" s="1732"/>
      <c r="H2" s="1732"/>
      <c r="I2" s="1732"/>
      <c r="J2" s="1732"/>
      <c r="K2" s="1732"/>
      <c r="L2" s="1732"/>
      <c r="M2" s="1732"/>
      <c r="N2" s="1732"/>
      <c r="O2" s="1732"/>
      <c r="P2" s="1732"/>
      <c r="Q2" s="1732"/>
      <c r="R2" s="1732"/>
      <c r="S2" s="1732"/>
      <c r="T2" s="1732"/>
      <c r="U2" s="1732"/>
      <c r="V2" s="1732"/>
      <c r="W2" s="1732"/>
      <c r="X2" s="1732"/>
      <c r="Y2" s="1732"/>
      <c r="Z2" s="1732"/>
      <c r="AA2" s="1732"/>
      <c r="AB2" s="1732"/>
      <c r="AC2" s="1732"/>
      <c r="AD2" s="1732"/>
      <c r="AE2" s="1732"/>
      <c r="AF2" s="1732"/>
      <c r="AG2" s="1732"/>
      <c r="AH2" s="1732"/>
      <c r="AI2" s="1732"/>
      <c r="AJ2" s="1732"/>
      <c r="AK2" s="1732"/>
      <c r="AL2" s="1732"/>
      <c r="AM2" s="1732"/>
      <c r="AN2" s="1732"/>
      <c r="AO2" s="1732"/>
      <c r="AP2" s="1732"/>
      <c r="AQ2" s="1732"/>
      <c r="AR2" s="1732"/>
      <c r="AS2" s="1732"/>
      <c r="AT2" s="1732"/>
      <c r="AU2" s="1732"/>
      <c r="AV2" s="1732"/>
      <c r="AW2" s="1733"/>
      <c r="BJ2" s="1730"/>
      <c r="BK2" s="1730"/>
      <c r="BL2" s="1730"/>
      <c r="BM2" s="1730"/>
      <c r="BN2" s="1730"/>
      <c r="BO2" s="1730"/>
      <c r="BP2" s="1730"/>
      <c r="BQ2" s="1730"/>
    </row>
    <row r="3" spans="1:99" ht="18" customHeight="1">
      <c r="B3" s="1734"/>
      <c r="C3" s="1735"/>
      <c r="D3" s="1735"/>
      <c r="E3" s="1735"/>
      <c r="F3" s="1735"/>
      <c r="G3" s="1735"/>
      <c r="H3" s="1735"/>
      <c r="I3" s="1735"/>
      <c r="J3" s="1735"/>
      <c r="K3" s="1735"/>
      <c r="L3" s="1735"/>
      <c r="M3" s="1735"/>
      <c r="N3" s="1735"/>
      <c r="O3" s="1735"/>
      <c r="P3" s="1735"/>
      <c r="Q3" s="1735"/>
      <c r="R3" s="1735"/>
      <c r="S3" s="1735"/>
      <c r="T3" s="1735"/>
      <c r="U3" s="1735"/>
      <c r="V3" s="1735"/>
      <c r="W3" s="1735"/>
      <c r="X3" s="1735"/>
      <c r="Y3" s="1735"/>
      <c r="Z3" s="1735"/>
      <c r="AA3" s="1735"/>
      <c r="AB3" s="1735"/>
      <c r="AC3" s="1735"/>
      <c r="AD3" s="1735"/>
      <c r="AE3" s="1735"/>
      <c r="AF3" s="1735"/>
      <c r="AG3" s="1735"/>
      <c r="AH3" s="1735"/>
      <c r="AI3" s="1735"/>
      <c r="AJ3" s="1735"/>
      <c r="AK3" s="1735"/>
      <c r="AL3" s="1735"/>
      <c r="AM3" s="1735"/>
      <c r="AN3" s="1735"/>
      <c r="AO3" s="1735"/>
      <c r="AP3" s="1735"/>
      <c r="AQ3" s="1735"/>
      <c r="AR3" s="1735"/>
      <c r="AS3" s="1735"/>
      <c r="AT3" s="1735"/>
      <c r="AU3" s="1735"/>
      <c r="AV3" s="1735"/>
      <c r="AW3" s="1736"/>
    </row>
    <row r="4" spans="1:99" ht="18" customHeight="1" thickBot="1">
      <c r="B4" s="1737"/>
      <c r="C4" s="1738"/>
      <c r="D4" s="1738"/>
      <c r="E4" s="1738"/>
      <c r="F4" s="1738"/>
      <c r="G4" s="1738"/>
      <c r="H4" s="1738"/>
      <c r="I4" s="1738"/>
      <c r="J4" s="1738"/>
      <c r="K4" s="1738"/>
      <c r="L4" s="1738"/>
      <c r="M4" s="1738"/>
      <c r="N4" s="1738"/>
      <c r="O4" s="1738"/>
      <c r="P4" s="1738"/>
      <c r="Q4" s="1738"/>
      <c r="R4" s="1738"/>
      <c r="S4" s="1738"/>
      <c r="T4" s="1738"/>
      <c r="U4" s="1738"/>
      <c r="V4" s="1738"/>
      <c r="W4" s="1738"/>
      <c r="X4" s="1738"/>
      <c r="Y4" s="1738"/>
      <c r="Z4" s="1738"/>
      <c r="AA4" s="1738"/>
      <c r="AB4" s="1738"/>
      <c r="AC4" s="1738"/>
      <c r="AD4" s="1738"/>
      <c r="AE4" s="1738"/>
      <c r="AF4" s="1738"/>
      <c r="AG4" s="1738"/>
      <c r="AH4" s="1738"/>
      <c r="AI4" s="1738"/>
      <c r="AJ4" s="1738"/>
      <c r="AK4" s="1738"/>
      <c r="AL4" s="1738"/>
      <c r="AM4" s="1738"/>
      <c r="AN4" s="1738"/>
      <c r="AO4" s="1738"/>
      <c r="AP4" s="1738"/>
      <c r="AQ4" s="1738"/>
      <c r="AR4" s="1738"/>
      <c r="AS4" s="1738"/>
      <c r="AT4" s="1738"/>
      <c r="AU4" s="1738"/>
      <c r="AV4" s="1738"/>
      <c r="AW4" s="1739"/>
    </row>
    <row r="5" spans="1:99" ht="18" customHeight="1">
      <c r="B5" s="302"/>
      <c r="C5" s="302"/>
      <c r="D5" s="302"/>
      <c r="E5" s="302"/>
      <c r="F5" s="302"/>
      <c r="G5" s="302"/>
      <c r="H5" s="302"/>
      <c r="I5" s="302"/>
      <c r="J5" s="302"/>
      <c r="K5" s="302"/>
      <c r="L5" s="302"/>
      <c r="M5" s="302"/>
      <c r="N5" s="302"/>
      <c r="O5" s="302"/>
      <c r="P5" s="302"/>
      <c r="Q5" s="302"/>
      <c r="R5" s="302"/>
      <c r="S5" s="302"/>
      <c r="T5" s="302"/>
      <c r="U5" s="302"/>
      <c r="V5" s="302"/>
      <c r="W5" s="302"/>
      <c r="X5" s="302"/>
      <c r="Y5" s="302"/>
      <c r="Z5" s="302"/>
      <c r="AA5" s="302"/>
      <c r="AB5" s="302"/>
      <c r="AC5" s="302"/>
      <c r="AD5" s="302"/>
      <c r="AE5" s="302"/>
      <c r="AF5" s="302"/>
      <c r="AG5" s="302"/>
      <c r="AH5" s="302"/>
      <c r="AI5" s="302"/>
      <c r="AJ5" s="302"/>
      <c r="AK5" s="302"/>
      <c r="AL5" s="302"/>
      <c r="AM5" s="302"/>
      <c r="AN5" s="302"/>
      <c r="AO5" s="302"/>
      <c r="AP5" s="302"/>
      <c r="AQ5" s="302"/>
      <c r="AR5" s="302"/>
      <c r="AS5" s="302"/>
      <c r="AT5" s="302"/>
      <c r="AU5" s="302"/>
      <c r="AV5" s="302"/>
      <c r="AW5" s="302"/>
    </row>
    <row r="6" spans="1:99" ht="18" customHeight="1">
      <c r="B6" s="302"/>
      <c r="C6" s="302"/>
      <c r="D6" s="302"/>
      <c r="E6" s="302"/>
      <c r="F6" s="302"/>
      <c r="G6" s="302"/>
      <c r="H6" s="302"/>
      <c r="I6" s="302"/>
      <c r="J6" s="302"/>
      <c r="K6" s="302"/>
      <c r="L6" s="302"/>
      <c r="M6" s="302"/>
      <c r="N6" s="302"/>
      <c r="O6" s="302"/>
      <c r="P6" s="302"/>
      <c r="Q6" s="302"/>
      <c r="R6" s="302"/>
      <c r="S6" s="302"/>
      <c r="T6" s="302"/>
      <c r="U6" s="302"/>
      <c r="V6" s="302"/>
      <c r="W6" s="302"/>
      <c r="X6" s="302"/>
      <c r="Y6" s="302"/>
      <c r="Z6" s="302"/>
      <c r="AA6" s="302"/>
      <c r="AB6" s="302"/>
      <c r="AC6" s="302"/>
      <c r="AD6" s="302"/>
      <c r="AE6" s="302"/>
      <c r="AF6" s="302"/>
      <c r="AG6" s="302"/>
      <c r="AH6" s="302"/>
      <c r="AI6" s="302"/>
      <c r="AJ6" s="302"/>
      <c r="AK6" s="302"/>
      <c r="AL6" s="302"/>
      <c r="AM6" s="302"/>
      <c r="AN6" s="302"/>
      <c r="AO6" s="302"/>
      <c r="AP6" s="302"/>
      <c r="AQ6" s="302"/>
      <c r="AR6" s="302"/>
      <c r="AS6" s="302"/>
      <c r="AT6" s="302"/>
      <c r="AU6" s="302"/>
      <c r="AV6" s="302"/>
      <c r="AW6" s="302"/>
    </row>
    <row r="7" spans="1:99" ht="18" customHeight="1">
      <c r="B7" s="302"/>
      <c r="C7" s="302"/>
      <c r="D7" s="302"/>
      <c r="E7" s="302"/>
      <c r="F7" s="302"/>
      <c r="G7" s="302"/>
      <c r="H7" s="302"/>
      <c r="I7" s="302"/>
      <c r="J7" s="302"/>
      <c r="K7" s="302"/>
      <c r="L7" s="302"/>
      <c r="M7" s="302"/>
      <c r="N7" s="302"/>
      <c r="O7" s="302"/>
      <c r="P7" s="302"/>
      <c r="Q7" s="302"/>
      <c r="R7" s="302"/>
      <c r="S7" s="302"/>
      <c r="T7" s="302"/>
      <c r="U7" s="302"/>
      <c r="V7" s="302"/>
      <c r="W7" s="302"/>
      <c r="X7" s="302"/>
      <c r="Y7" s="302"/>
      <c r="Z7" s="302"/>
      <c r="AA7" s="302"/>
      <c r="AB7" s="302"/>
      <c r="AC7" s="302"/>
      <c r="AD7" s="302"/>
      <c r="AE7" s="302"/>
      <c r="AF7" s="302"/>
      <c r="AG7" s="302"/>
      <c r="AH7" s="302"/>
      <c r="AI7" s="302"/>
      <c r="AJ7" s="302"/>
      <c r="AK7" s="302"/>
      <c r="AL7" s="302"/>
      <c r="AM7" s="302"/>
      <c r="AN7" s="302"/>
      <c r="AO7" s="302"/>
      <c r="AP7" s="302"/>
      <c r="AQ7" s="302"/>
      <c r="AR7" s="302"/>
      <c r="AS7" s="302"/>
      <c r="AT7" s="302"/>
      <c r="AU7" s="302"/>
      <c r="AV7" s="302"/>
      <c r="AW7" s="302"/>
    </row>
    <row r="8" spans="1:99" ht="27" customHeight="1">
      <c r="B8" t="s">
        <v>207</v>
      </c>
    </row>
    <row r="9" spans="1:99" ht="27" customHeight="1">
      <c r="A9" s="117" t="s">
        <v>256</v>
      </c>
      <c r="B9" s="117"/>
      <c r="C9" s="117"/>
      <c r="D9" s="117"/>
      <c r="E9" s="117"/>
      <c r="F9" s="117"/>
      <c r="G9" s="117"/>
      <c r="H9" s="117"/>
      <c r="I9" s="117"/>
      <c r="J9" s="117"/>
      <c r="K9" s="117"/>
      <c r="L9" s="117"/>
      <c r="M9" s="117"/>
      <c r="N9" s="117"/>
      <c r="O9" s="117"/>
      <c r="P9" s="117"/>
      <c r="Q9" s="117"/>
      <c r="R9" s="117"/>
      <c r="S9" s="117"/>
      <c r="T9" s="117"/>
      <c r="U9" s="117"/>
      <c r="V9" s="117"/>
      <c r="W9" s="117"/>
      <c r="X9" s="117"/>
      <c r="Y9" s="117"/>
      <c r="Z9" s="117"/>
      <c r="AA9" s="117"/>
      <c r="AB9" s="117"/>
      <c r="AC9" s="117"/>
      <c r="AD9" s="117"/>
      <c r="AE9" s="117"/>
      <c r="AF9" s="117"/>
      <c r="AG9" s="117"/>
      <c r="AH9" s="117"/>
      <c r="AI9" s="117"/>
      <c r="AJ9" s="117"/>
      <c r="AK9" s="117"/>
      <c r="AL9" s="117"/>
      <c r="AM9" s="117"/>
      <c r="AN9" s="117"/>
      <c r="AO9" s="117"/>
      <c r="AP9" s="117"/>
      <c r="AQ9" s="117"/>
      <c r="AR9" s="117"/>
      <c r="AS9" s="117"/>
      <c r="AT9" s="117"/>
      <c r="AY9" s="274" t="s">
        <v>257</v>
      </c>
      <c r="AZ9" s="275"/>
      <c r="BA9" s="275"/>
      <c r="BB9" s="275"/>
      <c r="BC9" s="275"/>
      <c r="BD9" s="275"/>
      <c r="BE9" s="275"/>
      <c r="BF9" s="275"/>
      <c r="BG9" s="275"/>
      <c r="BH9" s="275"/>
      <c r="BI9" s="275"/>
      <c r="BJ9" s="275"/>
      <c r="BK9" s="275"/>
      <c r="BL9" s="275"/>
      <c r="BM9" s="275"/>
      <c r="BN9" s="275"/>
      <c r="BO9" s="275"/>
      <c r="BP9" s="275"/>
      <c r="BQ9" s="275"/>
      <c r="BR9" s="275"/>
      <c r="BS9" s="275"/>
      <c r="BT9" s="276"/>
    </row>
    <row r="10" spans="1:99" ht="27.75" customHeight="1">
      <c r="A10" s="117"/>
      <c r="B10" s="117"/>
      <c r="C10" s="117"/>
      <c r="D10" s="117"/>
      <c r="E10" s="117"/>
      <c r="F10" s="117"/>
      <c r="G10" s="117"/>
      <c r="H10" s="117"/>
      <c r="I10" s="117"/>
      <c r="J10" s="117"/>
      <c r="K10" s="117"/>
      <c r="L10" s="117"/>
      <c r="M10" s="117"/>
      <c r="N10" s="117"/>
      <c r="O10" s="117"/>
      <c r="P10" s="117"/>
      <c r="Q10" s="117"/>
      <c r="R10" s="117"/>
      <c r="S10" s="117"/>
      <c r="T10" s="117"/>
      <c r="U10" s="117"/>
      <c r="V10" s="117"/>
      <c r="W10" s="117"/>
      <c r="X10" s="117"/>
      <c r="Y10" s="117"/>
      <c r="Z10" s="117"/>
      <c r="AA10" s="117"/>
      <c r="AB10" s="117"/>
      <c r="AC10" s="117"/>
      <c r="AD10" s="117"/>
      <c r="AE10" s="117"/>
      <c r="AF10" s="117"/>
      <c r="AG10" s="117"/>
      <c r="AH10" s="117"/>
      <c r="AI10" s="117"/>
      <c r="AJ10" s="117"/>
      <c r="AK10" s="117"/>
      <c r="AL10" s="117"/>
      <c r="AM10" s="117"/>
      <c r="AN10" s="117"/>
      <c r="AO10" s="117"/>
      <c r="AP10" s="117"/>
      <c r="AQ10" s="117"/>
      <c r="AR10" s="117"/>
      <c r="AS10" s="117"/>
      <c r="AT10" s="117"/>
      <c r="AY10" s="277" t="s">
        <v>292</v>
      </c>
      <c r="AZ10" s="3"/>
      <c r="BA10" s="3"/>
      <c r="BB10" s="3"/>
      <c r="BC10" s="3"/>
      <c r="BD10" s="3"/>
      <c r="BE10" s="3"/>
      <c r="BF10" s="3"/>
      <c r="BG10" s="3"/>
      <c r="BH10" s="3"/>
      <c r="BI10" s="3"/>
      <c r="BJ10" s="3"/>
      <c r="BK10" s="3"/>
      <c r="BL10" s="3"/>
      <c r="BM10" s="3"/>
      <c r="BN10" s="3"/>
      <c r="BO10" s="3"/>
      <c r="BP10" s="3"/>
      <c r="BQ10" s="3"/>
      <c r="BR10" s="3"/>
      <c r="BS10" s="3"/>
      <c r="BT10" s="278"/>
    </row>
    <row r="11" spans="1:99" ht="27" customHeight="1">
      <c r="A11" s="117" t="s">
        <v>327</v>
      </c>
      <c r="B11" s="117"/>
      <c r="C11" s="117"/>
      <c r="D11" s="117"/>
      <c r="E11" s="117"/>
      <c r="F11" s="117"/>
      <c r="G11" s="117"/>
      <c r="H11" s="117"/>
      <c r="I11" s="117"/>
      <c r="J11" s="117"/>
      <c r="K11" s="117"/>
      <c r="L11" s="117"/>
      <c r="M11" s="117"/>
      <c r="N11" s="117"/>
      <c r="O11" s="117"/>
      <c r="P11" s="117"/>
      <c r="Q11" s="117"/>
      <c r="R11" s="117"/>
      <c r="S11" s="117"/>
      <c r="T11" s="117"/>
      <c r="U11" s="117"/>
      <c r="V11" s="117"/>
      <c r="W11" s="117"/>
      <c r="X11" s="117"/>
      <c r="Y11" s="117"/>
      <c r="Z11" s="117"/>
      <c r="AA11" s="117"/>
      <c r="AB11" s="117"/>
      <c r="AC11" s="117"/>
      <c r="AD11" s="117"/>
      <c r="AE11" s="117"/>
      <c r="AF11" s="117"/>
      <c r="AG11" s="117"/>
      <c r="AH11" s="117"/>
      <c r="AI11" s="117"/>
      <c r="AJ11" s="117"/>
      <c r="AK11" s="117"/>
      <c r="AL11" s="117"/>
      <c r="AM11" s="117"/>
      <c r="AN11" s="117"/>
      <c r="AO11" s="117"/>
      <c r="AP11" s="117"/>
      <c r="AQ11" s="117"/>
      <c r="AR11" s="117"/>
      <c r="AS11" s="117"/>
      <c r="AT11" s="117"/>
      <c r="AY11" s="277" t="s">
        <v>354</v>
      </c>
      <c r="AZ11" s="3"/>
      <c r="BA11" s="3"/>
      <c r="BB11" s="3"/>
      <c r="BC11" s="3"/>
      <c r="BD11" s="3"/>
      <c r="BE11" s="3"/>
      <c r="BF11" s="3"/>
      <c r="BG11" s="3"/>
      <c r="BH11" s="3"/>
      <c r="BI11" s="3"/>
      <c r="BJ11" s="3"/>
      <c r="BK11" s="3"/>
      <c r="BL11" s="3"/>
      <c r="BM11" s="3"/>
      <c r="BN11" s="3"/>
      <c r="BO11" s="3"/>
      <c r="BP11" s="3"/>
      <c r="BQ11" s="3"/>
      <c r="BR11" s="3"/>
      <c r="BS11" s="3"/>
      <c r="BT11" s="278"/>
    </row>
    <row r="12" spans="1:99" ht="27" customHeight="1">
      <c r="A12" s="117" t="s">
        <v>328</v>
      </c>
      <c r="B12" s="117"/>
      <c r="C12" s="117"/>
      <c r="D12" s="117"/>
      <c r="E12" s="117"/>
      <c r="F12" s="117"/>
      <c r="G12" s="117"/>
      <c r="H12" s="117"/>
      <c r="I12" s="117"/>
      <c r="J12" s="117"/>
      <c r="K12" s="117"/>
      <c r="L12" s="117"/>
      <c r="M12" s="117"/>
      <c r="N12" s="117"/>
      <c r="O12" s="117"/>
      <c r="P12" s="117"/>
      <c r="Q12" s="117"/>
      <c r="R12" s="117"/>
      <c r="S12" s="117"/>
      <c r="T12" s="117"/>
      <c r="U12" s="117"/>
      <c r="V12" s="117"/>
      <c r="W12" s="117"/>
      <c r="X12" s="117"/>
      <c r="Y12" s="117"/>
      <c r="Z12" s="117"/>
      <c r="AA12" s="117"/>
      <c r="AB12" s="117"/>
      <c r="AC12" s="117"/>
      <c r="AD12" s="117"/>
      <c r="AE12" s="117"/>
      <c r="AF12" s="117"/>
      <c r="AG12" s="117"/>
      <c r="AH12" s="117"/>
      <c r="AI12" s="117"/>
      <c r="AJ12" s="117"/>
      <c r="AK12" s="117"/>
      <c r="AL12" s="117"/>
      <c r="AM12" s="117"/>
      <c r="AN12" s="117"/>
      <c r="AO12" s="117"/>
      <c r="AP12" s="117"/>
      <c r="AQ12" s="117"/>
      <c r="AR12" s="117"/>
      <c r="AS12" s="117"/>
      <c r="AT12" s="117"/>
      <c r="AY12" s="277" t="s">
        <v>612</v>
      </c>
      <c r="AZ12" s="3"/>
      <c r="BA12" s="3"/>
      <c r="BB12" s="3"/>
      <c r="BC12" s="3"/>
      <c r="BD12" s="3"/>
      <c r="BE12" s="3"/>
      <c r="BF12" s="3"/>
      <c r="BG12" s="3"/>
      <c r="BH12" s="3"/>
      <c r="BI12" s="3"/>
      <c r="BJ12" s="3"/>
      <c r="BK12" s="3"/>
      <c r="BL12" s="3"/>
      <c r="BM12" s="3"/>
      <c r="BN12" s="3"/>
      <c r="BO12" s="3"/>
      <c r="BP12" s="3"/>
      <c r="BQ12" s="3"/>
      <c r="BR12" s="3"/>
      <c r="BS12" s="3"/>
      <c r="BT12" s="278"/>
    </row>
    <row r="13" spans="1:99" ht="27" customHeight="1">
      <c r="A13" s="117" t="s">
        <v>402</v>
      </c>
      <c r="B13" s="117"/>
      <c r="C13" s="117"/>
      <c r="D13" s="117"/>
      <c r="E13" s="117"/>
      <c r="F13" s="117"/>
      <c r="G13" s="117"/>
      <c r="H13" s="117"/>
      <c r="I13" s="117"/>
      <c r="J13" s="117"/>
      <c r="K13" s="117"/>
      <c r="L13" s="117"/>
      <c r="M13" s="117"/>
      <c r="N13" s="117"/>
      <c r="O13" s="117"/>
      <c r="P13" s="117"/>
      <c r="Q13" s="117"/>
      <c r="R13" s="117"/>
      <c r="S13" s="117"/>
      <c r="T13" s="117"/>
      <c r="U13" s="117"/>
      <c r="V13" s="117"/>
      <c r="W13" s="117"/>
      <c r="X13" s="117"/>
      <c r="Y13" s="117"/>
      <c r="Z13" s="117"/>
      <c r="AA13" s="117"/>
      <c r="AB13" s="117"/>
      <c r="AC13" s="117"/>
      <c r="AD13" s="117"/>
      <c r="AE13" s="117"/>
      <c r="AF13" s="117"/>
      <c r="AG13" s="117"/>
      <c r="AH13" s="117"/>
      <c r="AI13" s="117"/>
      <c r="AJ13" s="117"/>
      <c r="AK13" s="117"/>
      <c r="AL13" s="117"/>
      <c r="AM13" s="117"/>
      <c r="AN13" s="117"/>
      <c r="AO13" s="117"/>
      <c r="AP13" s="117"/>
      <c r="AQ13" s="117"/>
      <c r="AR13" s="117"/>
      <c r="AS13" s="117"/>
      <c r="AT13" s="117"/>
      <c r="AY13" s="277"/>
      <c r="AZ13" s="3"/>
      <c r="BA13" s="3"/>
      <c r="BB13" s="3"/>
      <c r="BC13" s="3"/>
      <c r="BD13" s="3"/>
      <c r="BE13" s="3"/>
      <c r="BF13" s="3"/>
      <c r="BG13" s="3"/>
      <c r="BH13" s="3"/>
      <c r="BI13" s="3"/>
      <c r="BJ13" s="3"/>
      <c r="BK13" s="3"/>
      <c r="BL13" s="3"/>
      <c r="BM13" s="3"/>
      <c r="BN13" s="3"/>
      <c r="BO13" s="3"/>
      <c r="BP13" s="3"/>
      <c r="BQ13" s="3"/>
      <c r="BR13" s="3"/>
      <c r="BS13" s="3"/>
      <c r="BT13" s="278"/>
    </row>
    <row r="14" spans="1:99" ht="27" customHeight="1">
      <c r="A14" s="117" t="s">
        <v>329</v>
      </c>
      <c r="B14" s="117"/>
      <c r="C14" s="117"/>
      <c r="D14" s="117"/>
      <c r="E14" s="117"/>
      <c r="F14" s="117"/>
      <c r="G14" s="117"/>
      <c r="H14" s="117"/>
      <c r="I14" s="117"/>
      <c r="J14" s="117"/>
      <c r="K14" s="117"/>
      <c r="L14" s="117"/>
      <c r="M14" s="117"/>
      <c r="N14" s="117"/>
      <c r="O14" s="117"/>
      <c r="P14" s="117"/>
      <c r="Q14" s="117"/>
      <c r="R14" s="117"/>
      <c r="S14" s="117"/>
      <c r="T14" s="117"/>
      <c r="U14" s="117"/>
      <c r="V14" s="117"/>
      <c r="W14" s="117"/>
      <c r="X14" s="117"/>
      <c r="Y14" s="117"/>
      <c r="Z14" s="117"/>
      <c r="AA14" s="117"/>
      <c r="AB14" s="117"/>
      <c r="AC14" s="117"/>
      <c r="AD14" s="117"/>
      <c r="AE14" s="117"/>
      <c r="AF14" s="117"/>
      <c r="AG14" s="117"/>
      <c r="AH14" s="117"/>
      <c r="AI14" s="117"/>
      <c r="AJ14" s="117"/>
      <c r="AK14" s="117"/>
      <c r="AL14" s="117"/>
      <c r="AM14" s="117"/>
      <c r="AN14" s="117"/>
      <c r="AO14" s="117"/>
      <c r="AP14" s="117"/>
      <c r="AQ14" s="117"/>
      <c r="AR14" s="117"/>
      <c r="AS14" s="117"/>
      <c r="AT14" s="117"/>
      <c r="AY14" s="279" t="s">
        <v>352</v>
      </c>
      <c r="AZ14" s="280"/>
      <c r="BA14" s="280"/>
      <c r="BB14" s="280"/>
      <c r="BC14" s="280"/>
      <c r="BD14" s="280"/>
      <c r="BE14" s="280"/>
      <c r="BF14" s="280"/>
      <c r="BG14" s="280"/>
      <c r="BH14" s="280"/>
      <c r="BI14" s="280"/>
      <c r="BJ14" s="280"/>
      <c r="BK14" s="280"/>
      <c r="BL14" s="280"/>
      <c r="BM14" s="280"/>
      <c r="BN14" s="280"/>
      <c r="BO14" s="280"/>
      <c r="BP14" s="280"/>
      <c r="BQ14" s="280"/>
      <c r="BR14" s="280"/>
      <c r="BS14" s="280"/>
      <c r="BT14" s="281"/>
      <c r="BU14" s="118"/>
      <c r="BV14" s="118"/>
      <c r="BW14" s="118"/>
      <c r="BX14" s="118"/>
      <c r="BY14" s="118"/>
      <c r="BZ14" s="118"/>
      <c r="CA14" s="118"/>
      <c r="CB14" s="118"/>
      <c r="CC14" s="118"/>
      <c r="CD14" s="118"/>
      <c r="CE14" s="118"/>
      <c r="CF14" s="118"/>
      <c r="CG14" s="118"/>
      <c r="CH14" s="118"/>
      <c r="CI14" s="118"/>
      <c r="CJ14" s="118"/>
      <c r="CK14" s="118"/>
      <c r="CL14" s="118"/>
      <c r="CM14" s="118"/>
      <c r="CN14" s="118"/>
      <c r="CO14" s="118"/>
      <c r="CP14" s="118"/>
      <c r="CQ14" s="118"/>
      <c r="CR14" s="118"/>
      <c r="CS14" s="118"/>
      <c r="CT14" s="118"/>
      <c r="CU14" s="118"/>
    </row>
    <row r="15" spans="1:99" ht="27" customHeight="1">
      <c r="A15" s="117" t="s">
        <v>348</v>
      </c>
      <c r="B15" s="117"/>
      <c r="C15" s="117"/>
      <c r="D15" s="117"/>
      <c r="E15" s="117"/>
      <c r="F15" s="117"/>
      <c r="G15" s="117"/>
      <c r="H15" s="117"/>
      <c r="I15" s="117"/>
      <c r="J15" s="117"/>
      <c r="K15" s="117"/>
      <c r="L15" s="117"/>
      <c r="M15" s="117"/>
      <c r="N15" s="117"/>
      <c r="O15" s="117"/>
      <c r="P15" s="117"/>
      <c r="Q15" s="117"/>
      <c r="R15" s="117"/>
      <c r="S15" s="117"/>
      <c r="T15" s="117"/>
      <c r="U15" s="117"/>
      <c r="V15" s="117"/>
      <c r="W15" s="117"/>
      <c r="X15" s="117"/>
      <c r="Y15" s="117"/>
      <c r="Z15" s="117"/>
      <c r="AA15" s="117"/>
      <c r="AB15" s="117"/>
      <c r="AC15" s="117"/>
      <c r="AD15" s="117"/>
      <c r="AE15" s="117"/>
      <c r="AF15" s="117"/>
      <c r="AG15" s="117"/>
      <c r="AH15" s="117"/>
      <c r="AI15" s="117"/>
      <c r="AJ15" s="117"/>
      <c r="AK15" s="117"/>
      <c r="AL15" s="117"/>
      <c r="AM15" s="117"/>
      <c r="AN15" s="117"/>
      <c r="AO15" s="117"/>
      <c r="AP15" s="117"/>
      <c r="AQ15" s="117"/>
      <c r="AR15" s="117"/>
      <c r="AS15" s="117"/>
      <c r="AT15" s="117"/>
      <c r="AY15" s="279" t="s">
        <v>613</v>
      </c>
      <c r="AZ15" s="280"/>
      <c r="BA15" s="280"/>
      <c r="BB15" s="280"/>
      <c r="BC15" s="280"/>
      <c r="BD15" s="280"/>
      <c r="BE15" s="280"/>
      <c r="BF15" s="280"/>
      <c r="BG15" s="280"/>
      <c r="BH15" s="280"/>
      <c r="BI15" s="280"/>
      <c r="BJ15" s="280"/>
      <c r="BK15" s="280"/>
      <c r="BL15" s="280"/>
      <c r="BM15" s="280"/>
      <c r="BN15" s="280"/>
      <c r="BO15" s="280"/>
      <c r="BP15" s="280"/>
      <c r="BQ15" s="280"/>
      <c r="BR15" s="280"/>
      <c r="BS15" s="280"/>
      <c r="BT15" s="281"/>
      <c r="BU15" s="118"/>
      <c r="BV15" s="118"/>
      <c r="BW15" s="118"/>
      <c r="BX15" s="118"/>
      <c r="BY15" s="118"/>
      <c r="BZ15" s="118"/>
      <c r="CA15" s="118"/>
      <c r="CB15" s="118"/>
      <c r="CC15" s="118"/>
      <c r="CD15" s="118"/>
      <c r="CE15" s="118"/>
      <c r="CF15" s="118"/>
      <c r="CG15" s="118"/>
      <c r="CH15" s="118"/>
      <c r="CI15" s="118"/>
      <c r="CJ15" s="118"/>
      <c r="CK15" s="118"/>
      <c r="CL15" s="118"/>
      <c r="CM15" s="118"/>
      <c r="CN15" s="118"/>
      <c r="CO15" s="118"/>
      <c r="CP15" s="118"/>
      <c r="CQ15" s="118"/>
      <c r="CR15" s="118"/>
      <c r="CS15" s="118"/>
      <c r="CT15" s="118"/>
      <c r="CU15" s="118"/>
    </row>
    <row r="16" spans="1:99" ht="24.75" customHeight="1">
      <c r="A16" s="117"/>
      <c r="B16" s="117"/>
      <c r="C16" s="117"/>
      <c r="D16" s="117"/>
      <c r="E16" s="117"/>
      <c r="F16" s="117"/>
      <c r="G16" s="117"/>
      <c r="H16" s="117"/>
      <c r="I16" s="117"/>
      <c r="J16" s="117"/>
      <c r="K16" s="117"/>
      <c r="L16" s="117"/>
      <c r="M16" s="117"/>
      <c r="N16" s="117"/>
      <c r="O16" s="117"/>
      <c r="P16" s="117"/>
      <c r="Q16" s="117"/>
      <c r="R16" s="117"/>
      <c r="S16" s="117"/>
      <c r="T16" s="117"/>
      <c r="U16" s="117"/>
      <c r="V16" s="117"/>
      <c r="W16" s="117"/>
      <c r="X16" s="117"/>
      <c r="Y16" s="117"/>
      <c r="Z16" s="117"/>
      <c r="AA16" s="117"/>
      <c r="AB16" s="117"/>
      <c r="AC16" s="117"/>
      <c r="AD16" s="117"/>
      <c r="AE16" s="117"/>
      <c r="AF16" s="117"/>
      <c r="AG16" s="117"/>
      <c r="AH16" s="117"/>
      <c r="AI16" s="117"/>
      <c r="AJ16" s="117"/>
      <c r="AK16" s="117"/>
      <c r="AL16" s="117"/>
      <c r="AM16" s="117"/>
      <c r="AN16" s="117"/>
      <c r="AO16" s="117"/>
      <c r="AP16" s="117"/>
      <c r="AQ16" s="117"/>
      <c r="AR16" s="117"/>
      <c r="AS16" s="117"/>
      <c r="AT16" s="117"/>
      <c r="AY16" s="279" t="s">
        <v>353</v>
      </c>
      <c r="AZ16" s="280"/>
      <c r="BA16" s="280"/>
      <c r="BB16" s="280"/>
      <c r="BC16" s="280"/>
      <c r="BD16" s="280"/>
      <c r="BE16" s="280"/>
      <c r="BF16" s="280"/>
      <c r="BG16" s="280"/>
      <c r="BH16" s="280"/>
      <c r="BI16" s="280"/>
      <c r="BJ16" s="280"/>
      <c r="BK16" s="280"/>
      <c r="BL16" s="280"/>
      <c r="BM16" s="280"/>
      <c r="BN16" s="280"/>
      <c r="BO16" s="280"/>
      <c r="BP16" s="280"/>
      <c r="BQ16" s="280"/>
      <c r="BR16" s="280"/>
      <c r="BS16" s="280"/>
      <c r="BT16" s="281"/>
      <c r="BU16" s="118"/>
      <c r="BV16" s="118"/>
      <c r="BW16" s="118"/>
      <c r="BX16" s="118"/>
      <c r="BY16" s="118"/>
      <c r="BZ16" s="118"/>
      <c r="CA16" s="118"/>
      <c r="CB16" s="118"/>
      <c r="CC16" s="118"/>
      <c r="CD16" s="118"/>
      <c r="CE16" s="118"/>
      <c r="CF16" s="118"/>
      <c r="CG16" s="118"/>
      <c r="CH16" s="118"/>
      <c r="CI16" s="118"/>
      <c r="CJ16" s="118"/>
      <c r="CK16" s="118"/>
      <c r="CL16" s="118"/>
      <c r="CM16" s="118"/>
      <c r="CN16" s="118"/>
      <c r="CO16" s="118"/>
      <c r="CP16" s="118"/>
      <c r="CQ16" s="118"/>
      <c r="CR16" s="118"/>
      <c r="CS16" s="118"/>
      <c r="CT16" s="118"/>
      <c r="CU16" s="118"/>
    </row>
    <row r="17" spans="1:99" ht="27" customHeight="1">
      <c r="A17" s="117" t="s">
        <v>350</v>
      </c>
      <c r="B17" s="117"/>
      <c r="C17" s="117"/>
      <c r="D17" s="117"/>
      <c r="E17" s="117"/>
      <c r="F17" s="117"/>
      <c r="G17" s="117"/>
      <c r="H17" s="117"/>
      <c r="I17" s="117"/>
      <c r="J17" s="117"/>
      <c r="K17" s="117"/>
      <c r="L17" s="117"/>
      <c r="M17" s="117"/>
      <c r="N17" s="117"/>
      <c r="O17" s="117"/>
      <c r="P17" s="117"/>
      <c r="Q17" s="117"/>
      <c r="R17" s="117"/>
      <c r="S17" s="117"/>
      <c r="T17" s="117"/>
      <c r="U17" s="117"/>
      <c r="V17" s="117"/>
      <c r="W17" s="117"/>
      <c r="X17" s="117"/>
      <c r="Y17" s="117"/>
      <c r="Z17" s="117"/>
      <c r="AA17" s="117"/>
      <c r="AB17" s="117"/>
      <c r="AC17" s="117"/>
      <c r="AD17" s="117"/>
      <c r="AE17" s="117"/>
      <c r="AF17" s="117"/>
      <c r="AG17" s="117"/>
      <c r="AH17" s="117"/>
      <c r="AI17" s="117"/>
      <c r="AJ17" s="117"/>
      <c r="AK17" s="117"/>
      <c r="AL17" s="117"/>
      <c r="AM17" s="117"/>
      <c r="AN17" s="117"/>
      <c r="AO17" s="117"/>
      <c r="AP17" s="117"/>
      <c r="AQ17" s="117"/>
      <c r="AR17" s="117"/>
      <c r="AS17" s="117"/>
      <c r="AT17" s="117"/>
      <c r="AY17" s="279" t="s">
        <v>349</v>
      </c>
      <c r="AZ17" s="280"/>
      <c r="BA17" s="280"/>
      <c r="BB17" s="280"/>
      <c r="BC17" s="280"/>
      <c r="BD17" s="280"/>
      <c r="BE17" s="280"/>
      <c r="BF17" s="280"/>
      <c r="BG17" s="280"/>
      <c r="BH17" s="280"/>
      <c r="BI17" s="280"/>
      <c r="BJ17" s="280"/>
      <c r="BK17" s="280"/>
      <c r="BL17" s="280"/>
      <c r="BM17" s="280"/>
      <c r="BN17" s="280"/>
      <c r="BO17" s="280"/>
      <c r="BP17" s="280"/>
      <c r="BQ17" s="280"/>
      <c r="BR17" s="280"/>
      <c r="BS17" s="280"/>
      <c r="BT17" s="281"/>
      <c r="BU17" s="118"/>
      <c r="BV17" s="118"/>
      <c r="BW17" s="118"/>
      <c r="BX17" s="118"/>
      <c r="BY17" s="118"/>
      <c r="BZ17" s="118"/>
      <c r="CA17" s="118"/>
      <c r="CB17" s="118"/>
      <c r="CC17" s="118"/>
      <c r="CD17" s="118"/>
      <c r="CE17" s="118"/>
      <c r="CF17" s="118"/>
      <c r="CG17" s="118"/>
      <c r="CH17" s="118"/>
      <c r="CI17" s="118"/>
      <c r="CJ17" s="118"/>
      <c r="CK17" s="118"/>
      <c r="CL17" s="118"/>
      <c r="CM17" s="118"/>
      <c r="CN17" s="118"/>
      <c r="CO17" s="118"/>
      <c r="CP17" s="118"/>
      <c r="CQ17" s="118"/>
      <c r="CR17" s="118"/>
      <c r="CS17" s="118"/>
      <c r="CT17" s="118"/>
      <c r="CU17" s="118"/>
    </row>
    <row r="18" spans="1:99" ht="27" customHeight="1">
      <c r="A18" s="117" t="s">
        <v>351</v>
      </c>
      <c r="B18" s="117"/>
      <c r="C18" s="117"/>
      <c r="D18" s="117"/>
      <c r="E18" s="117"/>
      <c r="F18" s="117"/>
      <c r="G18" s="117"/>
      <c r="H18" s="117"/>
      <c r="I18" s="117"/>
      <c r="J18" s="117"/>
      <c r="K18" s="117"/>
      <c r="L18" s="117"/>
      <c r="M18" s="117"/>
      <c r="N18" s="117"/>
      <c r="O18" s="117"/>
      <c r="P18" s="117"/>
      <c r="Q18" s="117"/>
      <c r="R18" s="117"/>
      <c r="S18" s="117"/>
      <c r="T18" s="117"/>
      <c r="U18" s="117"/>
      <c r="V18" s="117"/>
      <c r="W18" s="117"/>
      <c r="X18" s="117"/>
      <c r="Y18" s="117"/>
      <c r="Z18" s="117"/>
      <c r="AA18" s="117"/>
      <c r="AB18" s="117"/>
      <c r="AC18" s="117"/>
      <c r="AD18" s="117"/>
      <c r="AE18" s="117"/>
      <c r="AF18" s="117"/>
      <c r="AG18" s="117"/>
      <c r="AH18" s="117"/>
      <c r="AI18" s="117"/>
      <c r="AJ18" s="117"/>
      <c r="AK18" s="117"/>
      <c r="AL18" s="117"/>
      <c r="AM18" s="117"/>
      <c r="AN18" s="117"/>
      <c r="AO18" s="117"/>
      <c r="AP18" s="117"/>
      <c r="AQ18" s="117"/>
      <c r="AR18" s="117"/>
      <c r="AS18" s="117"/>
      <c r="AT18" s="117"/>
      <c r="AY18" s="279"/>
      <c r="AZ18" s="280"/>
      <c r="BA18" s="280"/>
      <c r="BB18" s="280"/>
      <c r="BC18" s="280"/>
      <c r="BD18" s="280"/>
      <c r="BE18" s="280"/>
      <c r="BF18" s="280"/>
      <c r="BG18" s="280"/>
      <c r="BH18" s="280"/>
      <c r="BI18" s="280"/>
      <c r="BJ18" s="280"/>
      <c r="BK18" s="280"/>
      <c r="BL18" s="280"/>
      <c r="BM18" s="280"/>
      <c r="BN18" s="280"/>
      <c r="BO18" s="280"/>
      <c r="BP18" s="280"/>
      <c r="BQ18" s="280"/>
      <c r="BR18" s="280"/>
      <c r="BS18" s="280"/>
      <c r="BT18" s="281"/>
      <c r="BU18" s="118"/>
      <c r="BV18" s="118"/>
      <c r="BW18" s="118"/>
      <c r="BX18" s="118"/>
      <c r="BY18" s="118"/>
      <c r="BZ18" s="118"/>
      <c r="CA18" s="118"/>
      <c r="CB18" s="118"/>
      <c r="CC18" s="118"/>
      <c r="CD18" s="118"/>
      <c r="CE18" s="118"/>
      <c r="CF18" s="118"/>
      <c r="CG18" s="118"/>
      <c r="CH18" s="118"/>
      <c r="CI18" s="118"/>
      <c r="CJ18" s="118"/>
      <c r="CK18" s="118"/>
      <c r="CL18" s="118"/>
      <c r="CM18" s="118"/>
      <c r="CN18" s="118"/>
      <c r="CO18" s="118"/>
      <c r="CP18" s="118"/>
      <c r="CQ18" s="118"/>
      <c r="CR18" s="118"/>
      <c r="CS18" s="118"/>
      <c r="CT18" s="118"/>
      <c r="CU18" s="118"/>
    </row>
    <row r="19" spans="1:99" ht="24.75" customHeight="1">
      <c r="AY19" s="279" t="s">
        <v>290</v>
      </c>
      <c r="AZ19" s="280"/>
      <c r="BA19" s="280"/>
      <c r="BB19" s="280"/>
      <c r="BC19" s="280"/>
      <c r="BD19" s="280"/>
      <c r="BE19" s="280"/>
      <c r="BF19" s="280"/>
      <c r="BG19" s="280"/>
      <c r="BH19" s="280"/>
      <c r="BI19" s="280"/>
      <c r="BJ19" s="280"/>
      <c r="BK19" s="280"/>
      <c r="BL19" s="280"/>
      <c r="BM19" s="280"/>
      <c r="BN19" s="280"/>
      <c r="BO19" s="280"/>
      <c r="BP19" s="280"/>
      <c r="BQ19" s="280"/>
      <c r="BR19" s="280"/>
      <c r="BS19" s="280"/>
      <c r="BT19" s="281"/>
      <c r="BU19" s="118"/>
      <c r="BV19" s="118"/>
      <c r="BW19" s="118"/>
      <c r="BX19" s="118"/>
      <c r="BY19" s="118"/>
      <c r="BZ19" s="118"/>
      <c r="CA19" s="118"/>
      <c r="CB19" s="118"/>
      <c r="CC19" s="118"/>
      <c r="CD19" s="118"/>
      <c r="CE19" s="118"/>
      <c r="CF19" s="118"/>
      <c r="CG19" s="118"/>
      <c r="CH19" s="118"/>
      <c r="CI19" s="118"/>
      <c r="CJ19" s="118"/>
      <c r="CK19" s="118"/>
      <c r="CL19" s="118"/>
      <c r="CM19" s="118"/>
      <c r="CN19" s="118"/>
      <c r="CO19" s="118"/>
      <c r="CP19" s="118"/>
      <c r="CQ19" s="118"/>
      <c r="CR19" s="118"/>
      <c r="CS19" s="118"/>
      <c r="CT19" s="118"/>
      <c r="CU19" s="118"/>
    </row>
    <row r="20" spans="1:99" ht="27" customHeight="1">
      <c r="A20" s="117"/>
      <c r="D20" s="117"/>
      <c r="E20" s="117"/>
      <c r="F20" s="117"/>
      <c r="G20" s="117"/>
      <c r="H20" s="117"/>
      <c r="I20" s="117"/>
      <c r="J20" s="117"/>
      <c r="K20" s="117"/>
      <c r="L20" s="117"/>
      <c r="M20" s="117"/>
      <c r="N20" s="117"/>
      <c r="O20" s="117"/>
      <c r="P20" s="117"/>
      <c r="Q20" s="117"/>
      <c r="R20" s="117"/>
      <c r="S20" s="117"/>
      <c r="T20" s="117"/>
      <c r="U20" s="117"/>
      <c r="V20" s="117"/>
      <c r="W20" s="117"/>
      <c r="X20" s="117"/>
      <c r="Y20" s="117"/>
      <c r="Z20" s="117"/>
      <c r="AA20" s="117"/>
      <c r="AB20" s="117"/>
      <c r="AC20" s="117"/>
      <c r="AD20" s="117"/>
      <c r="AE20" s="117"/>
      <c r="AF20" s="117"/>
      <c r="AG20" s="117"/>
      <c r="AH20" s="117"/>
      <c r="AI20" s="117"/>
      <c r="AJ20" s="117"/>
      <c r="AK20" s="117"/>
      <c r="AL20" s="117"/>
      <c r="AM20" s="117"/>
      <c r="AN20" s="117"/>
      <c r="AO20" s="117"/>
      <c r="AP20" s="117"/>
      <c r="AQ20" s="117"/>
      <c r="AR20" s="117"/>
      <c r="AS20" s="117"/>
      <c r="AT20" s="117"/>
      <c r="AY20" s="279" t="s">
        <v>291</v>
      </c>
      <c r="AZ20" s="280"/>
      <c r="BA20" s="280"/>
      <c r="BB20" s="280"/>
      <c r="BC20" s="280"/>
      <c r="BD20" s="280"/>
      <c r="BE20" s="280"/>
      <c r="BF20" s="280"/>
      <c r="BG20" s="280"/>
      <c r="BH20" s="280"/>
      <c r="BI20" s="280"/>
      <c r="BJ20" s="280"/>
      <c r="BK20" s="280"/>
      <c r="BL20" s="280"/>
      <c r="BM20" s="280"/>
      <c r="BN20" s="280"/>
      <c r="BO20" s="280"/>
      <c r="BP20" s="280"/>
      <c r="BQ20" s="280"/>
      <c r="BR20" s="280"/>
      <c r="BS20" s="280"/>
      <c r="BT20" s="281"/>
      <c r="BU20" s="118"/>
      <c r="BV20" s="118"/>
      <c r="BW20" s="118"/>
      <c r="BX20" s="118"/>
      <c r="BY20" s="118"/>
      <c r="BZ20" s="118"/>
      <c r="CA20" s="118"/>
      <c r="CB20" s="118"/>
      <c r="CC20" s="118"/>
      <c r="CD20" s="118"/>
      <c r="CE20" s="118"/>
      <c r="CF20" s="118"/>
      <c r="CG20" s="118"/>
      <c r="CH20" s="118"/>
      <c r="CI20" s="118"/>
      <c r="CJ20" s="118"/>
      <c r="CK20" s="118"/>
      <c r="CL20" s="118"/>
      <c r="CM20" s="118"/>
      <c r="CN20" s="118"/>
      <c r="CO20" s="118"/>
      <c r="CP20" s="118"/>
      <c r="CQ20" s="118"/>
      <c r="CR20" s="118"/>
      <c r="CS20" s="118"/>
      <c r="CT20" s="118"/>
      <c r="CU20" s="118"/>
    </row>
    <row r="21" spans="1:99" ht="27" customHeight="1">
      <c r="AY21" s="279" t="s">
        <v>614</v>
      </c>
      <c r="AZ21" s="280"/>
      <c r="BA21" s="280"/>
      <c r="BB21" s="280"/>
      <c r="BC21" s="280"/>
      <c r="BD21" s="280"/>
      <c r="BE21" s="280"/>
      <c r="BF21" s="280"/>
      <c r="BG21" s="280"/>
      <c r="BH21" s="280"/>
      <c r="BI21" s="280"/>
      <c r="BJ21" s="280"/>
      <c r="BK21" s="280"/>
      <c r="BL21" s="280"/>
      <c r="BM21" s="280"/>
      <c r="BN21" s="280"/>
      <c r="BO21" s="280"/>
      <c r="BP21" s="280"/>
      <c r="BQ21" s="280"/>
      <c r="BR21" s="280"/>
      <c r="BS21" s="280"/>
      <c r="BT21" s="281"/>
      <c r="BU21" s="118"/>
      <c r="BV21" s="118"/>
      <c r="BW21" s="118"/>
      <c r="BX21" s="118"/>
      <c r="BY21" s="118"/>
      <c r="BZ21" s="118"/>
      <c r="CA21" s="118"/>
      <c r="CB21" s="118"/>
      <c r="CC21" s="118"/>
      <c r="CD21" s="118"/>
      <c r="CE21" s="118"/>
      <c r="CF21" s="118"/>
      <c r="CG21" s="118"/>
      <c r="CH21" s="118"/>
      <c r="CI21" s="118"/>
      <c r="CJ21" s="118"/>
      <c r="CK21" s="118"/>
      <c r="CL21" s="118"/>
      <c r="CM21" s="118"/>
      <c r="CN21" s="118"/>
      <c r="CO21" s="118"/>
      <c r="CP21" s="118"/>
      <c r="CQ21" s="118"/>
      <c r="CR21" s="118"/>
      <c r="CS21" s="118"/>
      <c r="CT21" s="118"/>
      <c r="CU21" s="118"/>
    </row>
    <row r="22" spans="1:99" ht="8.25" customHeight="1">
      <c r="A22" s="3"/>
      <c r="B22" s="3"/>
      <c r="C22" s="3"/>
      <c r="D22" s="1740"/>
      <c r="E22" s="3"/>
      <c r="F22" s="58"/>
      <c r="G22" s="58"/>
      <c r="H22" s="58"/>
      <c r="I22" s="58"/>
      <c r="J22" s="58"/>
      <c r="K22" s="58"/>
      <c r="L22" s="58"/>
      <c r="M22" s="58"/>
      <c r="N22" s="58"/>
      <c r="O22" s="58"/>
      <c r="P22" s="58"/>
      <c r="Q22" s="58"/>
      <c r="R22" s="58"/>
      <c r="S22" s="71"/>
      <c r="T22" s="71"/>
      <c r="U22" s="71"/>
      <c r="V22" s="71"/>
      <c r="W22" s="71"/>
      <c r="X22" s="71"/>
      <c r="Y22" s="58"/>
      <c r="Z22" s="58"/>
      <c r="AA22" s="58"/>
      <c r="AB22" s="58"/>
      <c r="AC22" s="58"/>
      <c r="AD22" s="58"/>
      <c r="AE22" s="58"/>
      <c r="AF22" s="71"/>
      <c r="AG22" s="71"/>
      <c r="AH22" s="1177"/>
      <c r="AI22" s="1177"/>
      <c r="AJ22" s="1177"/>
      <c r="AK22" s="1177"/>
      <c r="AL22" s="1177"/>
      <c r="AM22" s="1177"/>
      <c r="AN22" s="1177"/>
      <c r="AO22" s="1177"/>
      <c r="AP22" s="1742"/>
      <c r="AQ22" s="39"/>
      <c r="AR22" s="510"/>
      <c r="AS22" s="510"/>
      <c r="AT22" s="510"/>
      <c r="AU22" s="510"/>
      <c r="AV22" s="510"/>
      <c r="AW22" s="510"/>
      <c r="AX22" s="510"/>
      <c r="AY22" s="271"/>
      <c r="AZ22" s="3"/>
      <c r="BA22" s="3"/>
      <c r="BB22" s="3"/>
      <c r="BC22" s="3"/>
      <c r="BD22" s="3"/>
      <c r="BE22" s="3"/>
      <c r="BF22" s="3"/>
      <c r="BG22" s="3"/>
      <c r="BH22" s="3"/>
      <c r="BI22" s="3"/>
      <c r="BJ22" s="3"/>
      <c r="BK22" s="3"/>
      <c r="BL22" s="3"/>
      <c r="BM22" s="3"/>
      <c r="BN22" s="3"/>
      <c r="BO22" s="3"/>
      <c r="BP22" s="3"/>
      <c r="BQ22" s="3"/>
      <c r="BR22" s="3"/>
      <c r="BS22" s="3"/>
      <c r="BT22" s="278"/>
    </row>
    <row r="23" spans="1:99" ht="8.25" customHeight="1">
      <c r="A23" s="1619"/>
      <c r="B23" s="1619"/>
      <c r="C23" s="68"/>
      <c r="D23" s="1740"/>
      <c r="E23" s="886"/>
      <c r="F23" s="1177"/>
      <c r="G23" s="1177"/>
      <c r="H23" s="1177"/>
      <c r="I23" s="1177"/>
      <c r="J23" s="1177"/>
      <c r="K23" s="1177"/>
      <c r="L23" s="1177"/>
      <c r="M23" s="1170"/>
      <c r="N23" s="1170"/>
      <c r="O23" s="1170"/>
      <c r="P23" s="1170"/>
      <c r="Q23" s="1170"/>
      <c r="R23" s="1170"/>
      <c r="S23" s="1170"/>
      <c r="T23" s="1287"/>
      <c r="U23" s="1287"/>
      <c r="V23" s="1287"/>
      <c r="W23" s="1287"/>
      <c r="X23" s="1287"/>
      <c r="Y23" s="1287"/>
      <c r="Z23" s="1287"/>
      <c r="AA23" s="1177"/>
      <c r="AB23" s="1177"/>
      <c r="AC23" s="1177"/>
      <c r="AD23" s="1177"/>
      <c r="AE23" s="1177"/>
      <c r="AF23" s="1177"/>
      <c r="AG23" s="1177"/>
      <c r="AH23" s="1177"/>
      <c r="AI23" s="1177"/>
      <c r="AJ23" s="1177"/>
      <c r="AK23" s="1177"/>
      <c r="AL23" s="1177"/>
      <c r="AM23" s="1177"/>
      <c r="AN23" s="1177"/>
      <c r="AO23" s="1177"/>
      <c r="AP23" s="1742"/>
      <c r="AQ23" s="39"/>
      <c r="AR23" s="510"/>
      <c r="AS23" s="510"/>
      <c r="AT23" s="510"/>
      <c r="AU23" s="510"/>
      <c r="AV23" s="510"/>
      <c r="AW23" s="510"/>
      <c r="AX23" s="510"/>
      <c r="AY23" s="282"/>
      <c r="AZ23" s="283"/>
      <c r="BA23" s="283"/>
      <c r="BB23" s="283"/>
      <c r="BC23" s="283"/>
      <c r="BD23" s="283"/>
      <c r="BE23" s="283"/>
      <c r="BF23" s="283"/>
      <c r="BG23" s="283"/>
      <c r="BH23" s="283"/>
      <c r="BI23" s="283"/>
      <c r="BJ23" s="283"/>
      <c r="BK23" s="283"/>
      <c r="BL23" s="283"/>
      <c r="BM23" s="283"/>
      <c r="BN23" s="283"/>
      <c r="BO23" s="283"/>
      <c r="BP23" s="283"/>
      <c r="BQ23" s="283"/>
      <c r="BR23" s="283"/>
      <c r="BS23" s="283"/>
      <c r="BT23" s="284"/>
    </row>
    <row r="24" spans="1:99" ht="8.25" customHeight="1">
      <c r="A24" s="1619"/>
      <c r="B24" s="1619"/>
      <c r="C24" s="68"/>
      <c r="D24" s="1740"/>
      <c r="E24" s="886"/>
      <c r="F24" s="1177"/>
      <c r="G24" s="1177"/>
      <c r="H24" s="1177"/>
      <c r="I24" s="1177"/>
      <c r="J24" s="1177"/>
      <c r="K24" s="1177"/>
      <c r="L24" s="1177"/>
      <c r="M24" s="1170"/>
      <c r="N24" s="1170"/>
      <c r="O24" s="1170"/>
      <c r="P24" s="1170"/>
      <c r="Q24" s="1170"/>
      <c r="R24" s="1170"/>
      <c r="S24" s="1170"/>
      <c r="T24" s="1287"/>
      <c r="U24" s="1287"/>
      <c r="V24" s="1287"/>
      <c r="W24" s="1287"/>
      <c r="X24" s="1287"/>
      <c r="Y24" s="1287"/>
      <c r="Z24" s="1287"/>
      <c r="AA24" s="1177"/>
      <c r="AB24" s="1177"/>
      <c r="AC24" s="1177"/>
      <c r="AD24" s="1177"/>
      <c r="AE24" s="1177"/>
      <c r="AF24" s="1177"/>
      <c r="AG24" s="1177"/>
      <c r="AH24" s="1177"/>
      <c r="AI24" s="1177"/>
      <c r="AJ24" s="1177"/>
      <c r="AK24" s="1177"/>
      <c r="AL24" s="1177"/>
      <c r="AM24" s="1177"/>
      <c r="AN24" s="1177"/>
      <c r="AO24" s="1177"/>
      <c r="AP24" s="1742"/>
      <c r="AQ24" s="39"/>
      <c r="AR24" s="510"/>
      <c r="AS24" s="510"/>
      <c r="AT24" s="510"/>
      <c r="AU24" s="510"/>
      <c r="AV24" s="510"/>
      <c r="AW24" s="510"/>
      <c r="AX24" s="510"/>
    </row>
    <row r="25" spans="1:99" ht="8.25" customHeight="1">
      <c r="A25" s="1619"/>
      <c r="B25" s="1619"/>
      <c r="C25" s="68"/>
      <c r="D25" s="1740"/>
      <c r="E25" s="886"/>
      <c r="F25" s="58"/>
      <c r="G25" s="58"/>
      <c r="H25" s="58"/>
      <c r="I25" s="58"/>
      <c r="J25" s="58"/>
      <c r="K25" s="58"/>
      <c r="L25" s="58"/>
      <c r="M25" s="58"/>
      <c r="N25" s="58"/>
      <c r="O25" s="58"/>
      <c r="P25" s="58"/>
      <c r="Q25" s="58"/>
      <c r="R25" s="58"/>
      <c r="S25" s="58"/>
      <c r="T25" s="58"/>
      <c r="U25" s="58"/>
      <c r="V25" s="58"/>
      <c r="W25" s="58"/>
      <c r="X25" s="58"/>
      <c r="Y25" s="58"/>
      <c r="Z25" s="58"/>
      <c r="AA25" s="58"/>
      <c r="AB25" s="58"/>
      <c r="AC25" s="58"/>
      <c r="AD25" s="58"/>
      <c r="AE25" s="58"/>
      <c r="AF25" s="58"/>
      <c r="AG25" s="58"/>
      <c r="AH25" s="1177"/>
      <c r="AI25" s="1177"/>
      <c r="AJ25" s="1177"/>
      <c r="AK25" s="1177"/>
      <c r="AL25" s="1177"/>
      <c r="AM25" s="1177"/>
      <c r="AN25" s="1177"/>
      <c r="AO25" s="1177"/>
      <c r="AP25" s="1742"/>
      <c r="AQ25" s="39"/>
      <c r="AR25" s="510"/>
      <c r="AS25" s="510"/>
      <c r="AT25" s="510"/>
      <c r="AU25" s="510"/>
      <c r="AV25" s="510"/>
      <c r="AW25" s="510"/>
      <c r="AX25" s="510"/>
    </row>
    <row r="26" spans="1:99" ht="8.25" customHeight="1">
      <c r="A26" s="40"/>
      <c r="B26" s="40"/>
      <c r="C26" s="68"/>
      <c r="D26" s="1740"/>
      <c r="E26" s="886"/>
      <c r="F26" s="40"/>
      <c r="G26" s="40"/>
      <c r="H26" s="40"/>
      <c r="I26" s="40"/>
      <c r="J26" s="40"/>
      <c r="K26" s="40"/>
      <c r="L26" s="40"/>
      <c r="M26" s="40"/>
      <c r="N26" s="40"/>
      <c r="O26" s="40"/>
      <c r="P26" s="40"/>
      <c r="Q26" s="40"/>
      <c r="R26" s="40"/>
      <c r="S26" s="40"/>
      <c r="T26" s="40"/>
      <c r="U26" s="40"/>
      <c r="V26" s="40"/>
      <c r="W26" s="40"/>
      <c r="X26" s="40"/>
      <c r="Y26" s="40"/>
      <c r="Z26" s="40"/>
      <c r="AA26" s="40"/>
      <c r="AB26" s="40"/>
      <c r="AC26" s="40"/>
      <c r="AD26" s="40"/>
      <c r="AE26" s="40"/>
      <c r="AF26" s="40"/>
      <c r="AG26" s="40"/>
      <c r="AH26" s="40"/>
      <c r="AI26" s="40"/>
      <c r="AJ26" s="40"/>
      <c r="AK26" s="40"/>
      <c r="AL26" s="40"/>
      <c r="AM26" s="40"/>
      <c r="AN26" s="40"/>
      <c r="AO26" s="40"/>
      <c r="AP26" s="40"/>
      <c r="AQ26" s="39"/>
      <c r="AR26" s="510"/>
      <c r="AS26" s="510"/>
      <c r="AT26" s="510"/>
      <c r="AU26" s="510"/>
      <c r="AV26" s="510"/>
      <c r="AW26" s="510"/>
      <c r="AX26" s="510"/>
    </row>
    <row r="27" spans="1:99" s="103" customFormat="1" ht="8.25" customHeight="1">
      <c r="A27" s="1743"/>
      <c r="B27" s="1743"/>
      <c r="C27" s="40"/>
      <c r="D27" s="1740"/>
      <c r="E27" s="40"/>
      <c r="F27" s="73"/>
      <c r="G27" s="73"/>
      <c r="H27" s="73"/>
      <c r="I27" s="300"/>
      <c r="J27" s="73"/>
      <c r="K27" s="73"/>
      <c r="L27" s="300"/>
      <c r="M27" s="73"/>
      <c r="N27" s="73"/>
      <c r="O27" s="73"/>
      <c r="P27" s="300"/>
      <c r="Q27" s="73"/>
      <c r="R27" s="73"/>
      <c r="S27" s="300"/>
      <c r="T27" s="73"/>
      <c r="U27" s="73"/>
      <c r="V27" s="73"/>
      <c r="W27" s="300"/>
      <c r="X27" s="73"/>
      <c r="Y27" s="73"/>
      <c r="Z27" s="300"/>
      <c r="AA27" s="73"/>
      <c r="AB27" s="73"/>
      <c r="AC27" s="73"/>
      <c r="AD27" s="300"/>
      <c r="AE27" s="73"/>
      <c r="AF27" s="73"/>
      <c r="AG27" s="300"/>
      <c r="AH27" s="73"/>
      <c r="AI27" s="73"/>
      <c r="AJ27" s="73"/>
      <c r="AK27" s="73"/>
      <c r="AL27" s="300"/>
      <c r="AM27" s="73"/>
      <c r="AN27" s="73"/>
      <c r="AO27" s="300"/>
      <c r="AP27" s="58"/>
      <c r="AQ27" s="40"/>
      <c r="AR27" s="510"/>
      <c r="AS27" s="510"/>
      <c r="AT27" s="510"/>
      <c r="AU27" s="510"/>
      <c r="AV27" s="510"/>
      <c r="AW27" s="510"/>
      <c r="AX27" s="510"/>
    </row>
    <row r="28" spans="1:99" ht="7.5" customHeight="1">
      <c r="A28" s="1743"/>
      <c r="B28" s="1743"/>
      <c r="C28" s="115"/>
      <c r="D28" s="1740"/>
      <c r="E28" s="301"/>
      <c r="F28" s="1729"/>
      <c r="G28" s="1729"/>
      <c r="H28" s="1729"/>
      <c r="I28" s="1729"/>
      <c r="J28" s="1729"/>
      <c r="K28" s="1729"/>
      <c r="L28" s="1729"/>
      <c r="M28" s="1729"/>
      <c r="N28" s="1729"/>
      <c r="O28" s="1729"/>
      <c r="P28" s="1729"/>
      <c r="Q28" s="1729"/>
      <c r="R28" s="1729"/>
      <c r="S28" s="1729"/>
      <c r="T28" s="1729"/>
      <c r="U28" s="1729"/>
      <c r="V28" s="1729"/>
      <c r="W28" s="1729"/>
      <c r="X28" s="1729"/>
      <c r="Y28" s="1729"/>
      <c r="Z28" s="1729"/>
      <c r="AA28" s="1729"/>
      <c r="AB28" s="1729"/>
      <c r="AC28" s="1729"/>
      <c r="AD28" s="1729"/>
      <c r="AE28" s="1729"/>
      <c r="AF28" s="1729"/>
      <c r="AG28" s="1729"/>
      <c r="AH28" s="1729"/>
      <c r="AI28" s="1729"/>
      <c r="AJ28" s="1729"/>
      <c r="AK28" s="1729"/>
      <c r="AL28" s="1729"/>
      <c r="AM28" s="1729"/>
      <c r="AN28" s="1729"/>
      <c r="AO28" s="1729"/>
      <c r="AP28" s="1741"/>
      <c r="AQ28" s="3"/>
      <c r="AR28" s="510"/>
      <c r="AS28" s="510"/>
      <c r="AT28" s="510"/>
      <c r="AU28" s="510"/>
      <c r="AV28" s="510"/>
      <c r="AW28" s="510"/>
      <c r="AX28" s="510"/>
    </row>
    <row r="29" spans="1:99" ht="12" customHeight="1">
      <c r="A29" s="1743"/>
      <c r="B29" s="1743"/>
      <c r="C29" s="115"/>
      <c r="D29" s="1740"/>
      <c r="E29" s="1539"/>
      <c r="F29" s="1729"/>
      <c r="G29" s="1729"/>
      <c r="H29" s="1729"/>
      <c r="I29" s="1729"/>
      <c r="J29" s="1729"/>
      <c r="K29" s="1729"/>
      <c r="L29" s="1729"/>
      <c r="M29" s="1729"/>
      <c r="N29" s="1729"/>
      <c r="O29" s="1729"/>
      <c r="P29" s="1729"/>
      <c r="Q29" s="1729"/>
      <c r="R29" s="1729"/>
      <c r="S29" s="1729"/>
      <c r="T29" s="1729"/>
      <c r="U29" s="1729"/>
      <c r="V29" s="1729"/>
      <c r="W29" s="1729"/>
      <c r="X29" s="1729"/>
      <c r="Y29" s="1729"/>
      <c r="Z29" s="1729"/>
      <c r="AA29" s="1729"/>
      <c r="AB29" s="1729"/>
      <c r="AC29" s="1729"/>
      <c r="AD29" s="1729"/>
      <c r="AE29" s="1729"/>
      <c r="AF29" s="1729"/>
      <c r="AG29" s="1729"/>
      <c r="AH29" s="1729"/>
      <c r="AI29" s="1729"/>
      <c r="AJ29" s="1729"/>
      <c r="AK29" s="1729"/>
      <c r="AL29" s="1729"/>
      <c r="AM29" s="1729"/>
      <c r="AN29" s="1729"/>
      <c r="AO29" s="1729"/>
      <c r="AP29" s="1741"/>
      <c r="AQ29" s="3"/>
      <c r="AR29" s="510"/>
      <c r="AS29" s="510"/>
      <c r="AT29" s="510"/>
      <c r="AU29" s="510"/>
      <c r="AV29" s="510"/>
      <c r="AW29" s="510"/>
      <c r="AX29" s="510"/>
    </row>
    <row r="30" spans="1:99" ht="12" customHeight="1">
      <c r="A30" s="1743"/>
      <c r="B30" s="1743"/>
      <c r="C30" s="115"/>
      <c r="D30" s="1740"/>
      <c r="E30" s="1539"/>
      <c r="F30" s="1729"/>
      <c r="G30" s="1729"/>
      <c r="H30" s="1729"/>
      <c r="I30" s="1729"/>
      <c r="J30" s="1729"/>
      <c r="K30" s="1729"/>
      <c r="L30" s="1729"/>
      <c r="M30" s="1729"/>
      <c r="N30" s="1729"/>
      <c r="O30" s="1729"/>
      <c r="P30" s="1729"/>
      <c r="Q30" s="1729"/>
      <c r="R30" s="1729"/>
      <c r="S30" s="1729"/>
      <c r="T30" s="1729"/>
      <c r="U30" s="1729"/>
      <c r="V30" s="1729"/>
      <c r="W30" s="1729"/>
      <c r="X30" s="1729"/>
      <c r="Y30" s="1729"/>
      <c r="Z30" s="1729"/>
      <c r="AA30" s="1729"/>
      <c r="AB30" s="1729"/>
      <c r="AC30" s="1729"/>
      <c r="AD30" s="1729"/>
      <c r="AE30" s="1729"/>
      <c r="AF30" s="1729"/>
      <c r="AG30" s="1729"/>
      <c r="AH30" s="1729"/>
      <c r="AI30" s="1729"/>
      <c r="AJ30" s="1729"/>
      <c r="AK30" s="1729"/>
      <c r="AL30" s="1729"/>
      <c r="AM30" s="1729"/>
      <c r="AN30" s="1729"/>
      <c r="AO30" s="1729"/>
      <c r="AP30" s="1741"/>
      <c r="AQ30" s="3"/>
      <c r="AR30" s="510"/>
      <c r="AS30" s="510"/>
      <c r="AT30" s="536"/>
      <c r="AU30" s="536"/>
      <c r="AV30" s="536"/>
      <c r="AW30" s="536"/>
      <c r="AX30" s="510"/>
    </row>
    <row r="31" spans="1:99" ht="18" customHeight="1">
      <c r="AT31" s="536"/>
      <c r="AU31" s="536"/>
      <c r="AV31" s="536"/>
      <c r="AW31" s="536"/>
    </row>
    <row r="32" spans="1:99" ht="17.25" customHeight="1">
      <c r="AU32" s="117"/>
    </row>
    <row r="33" ht="27" customHeight="1"/>
    <row r="34" ht="27" customHeight="1"/>
    <row r="35" ht="27" customHeight="1"/>
    <row r="36" ht="27" customHeight="1"/>
    <row r="37" ht="17.25" customHeight="1"/>
    <row r="38" s="118" customFormat="1" ht="27" customHeight="1"/>
    <row r="39" s="118" customFormat="1" ht="27" customHeight="1"/>
    <row r="40" s="118" customFormat="1" ht="27" customHeight="1"/>
    <row r="41" s="118" customFormat="1" ht="27" customHeight="1"/>
    <row r="42" s="118" customFormat="1" ht="17.25" customHeight="1"/>
    <row r="43" s="118" customFormat="1" ht="27" customHeight="1"/>
    <row r="44" s="118" customFormat="1" ht="27" customHeight="1"/>
    <row r="45" s="118" customFormat="1" ht="27" customHeight="1"/>
    <row r="46" s="118" customFormat="1" ht="21" customHeight="1"/>
    <row r="47" s="118" customFormat="1" ht="21" customHeight="1"/>
    <row r="48" s="118" customFormat="1" ht="21" customHeight="1"/>
    <row r="49" spans="14:14" s="118" customFormat="1" ht="21" customHeight="1"/>
    <row r="50" spans="14:14" s="119" customFormat="1" ht="21" customHeight="1"/>
    <row r="51" spans="14:14" s="119" customFormat="1" ht="21" customHeight="1">
      <c r="N51"/>
    </row>
    <row r="52" spans="14:14" s="119" customFormat="1" ht="21" customHeight="1"/>
    <row r="53" spans="14:14" s="119" customFormat="1" ht="21" customHeight="1"/>
    <row r="54" spans="14:14" ht="9" customHeight="1"/>
    <row r="55" spans="14:14" ht="9" customHeight="1"/>
    <row r="56" spans="14:14" ht="9" customHeight="1"/>
    <row r="57" spans="14:14" ht="9" customHeight="1"/>
    <row r="58" spans="14:14" ht="9" customHeight="1"/>
    <row r="59" spans="14:14" ht="9" customHeight="1"/>
    <row r="60" spans="14:14" ht="9" customHeight="1"/>
    <row r="61" spans="14:14" ht="9" customHeight="1"/>
    <row r="62" spans="14:14" ht="9" customHeight="1"/>
    <row r="63" spans="14:14" ht="9" customHeight="1"/>
    <row r="64" spans="14:14" ht="9" customHeight="1"/>
    <row r="65" ht="9" customHeight="1"/>
    <row r="66" ht="9" customHeight="1"/>
    <row r="67" ht="9" customHeight="1"/>
    <row r="68" ht="9" customHeight="1"/>
    <row r="69" ht="9" customHeight="1"/>
    <row r="70" ht="9" customHeight="1"/>
    <row r="71" ht="9" customHeight="1"/>
    <row r="72" ht="9" customHeight="1"/>
    <row r="73" ht="9" customHeight="1"/>
    <row r="74" ht="9" customHeight="1"/>
    <row r="75" ht="9" customHeight="1"/>
    <row r="76" ht="9" customHeight="1"/>
    <row r="77" ht="9" customHeight="1"/>
    <row r="78" ht="9" customHeight="1"/>
    <row r="79" ht="9" customHeight="1"/>
    <row r="80" ht="9" customHeight="1"/>
  </sheetData>
  <mergeCells count="52">
    <mergeCell ref="AO28:AO30"/>
    <mergeCell ref="AH28:AH30"/>
    <mergeCell ref="AI28:AI30"/>
    <mergeCell ref="AJ28:AJ30"/>
    <mergeCell ref="AK28:AK30"/>
    <mergeCell ref="A23:B25"/>
    <mergeCell ref="A27:B30"/>
    <mergeCell ref="AL28:AL30"/>
    <mergeCell ref="AM28:AM30"/>
    <mergeCell ref="AN28:AN30"/>
    <mergeCell ref="X28:X30"/>
    <mergeCell ref="Y28:Y30"/>
    <mergeCell ref="Z28:Z30"/>
    <mergeCell ref="AA28:AA30"/>
    <mergeCell ref="M23:S24"/>
    <mergeCell ref="AA23:AG24"/>
    <mergeCell ref="AH24:AO25"/>
    <mergeCell ref="F23:L24"/>
    <mergeCell ref="E29:E30"/>
    <mergeCell ref="S28:S30"/>
    <mergeCell ref="AF28:AF30"/>
    <mergeCell ref="BJ2:BQ2"/>
    <mergeCell ref="B2:AW4"/>
    <mergeCell ref="D22:D30"/>
    <mergeCell ref="AH22:AO23"/>
    <mergeCell ref="E25:E26"/>
    <mergeCell ref="E23:E24"/>
    <mergeCell ref="F28:F30"/>
    <mergeCell ref="G28:G30"/>
    <mergeCell ref="H28:H30"/>
    <mergeCell ref="I28:I30"/>
    <mergeCell ref="J28:J30"/>
    <mergeCell ref="T28:T30"/>
    <mergeCell ref="U28:U30"/>
    <mergeCell ref="AP28:AP30"/>
    <mergeCell ref="W28:W30"/>
    <mergeCell ref="AP22:AP25"/>
    <mergeCell ref="T23:Z24"/>
    <mergeCell ref="AG28:AG30"/>
    <mergeCell ref="AB28:AB30"/>
    <mergeCell ref="AC28:AC30"/>
    <mergeCell ref="AD28:AD30"/>
    <mergeCell ref="AE28:AE30"/>
    <mergeCell ref="K28:K30"/>
    <mergeCell ref="L28:L30"/>
    <mergeCell ref="M28:M30"/>
    <mergeCell ref="N28:N30"/>
    <mergeCell ref="V28:V30"/>
    <mergeCell ref="O28:O30"/>
    <mergeCell ref="P28:P30"/>
    <mergeCell ref="Q28:Q30"/>
    <mergeCell ref="R28:R30"/>
  </mergeCells>
  <phoneticPr fontId="2"/>
  <pageMargins left="0.39370078740157483" right="0.39370078740157483" top="0.59055118110236227" bottom="0.19685039370078741" header="0.59055118110236227" footer="0.19685039370078741"/>
  <pageSetup paperSize="9" scale="65" orientation="landscape" cellComments="asDisplayed" r:id="rId1"/>
  <headerFooter alignWithMargins="0">
    <oddFooter>&amp;C&amp;14 11</oddFooter>
  </headerFooter>
  <rowBreaks count="1" manualBreakCount="1">
    <brk id="31" max="7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10</vt:i4>
      </vt:variant>
    </vt:vector>
  </HeadingPairs>
  <TitlesOfParts>
    <vt:vector size="20" baseType="lpstr">
      <vt:lpstr>〇記入要領</vt:lpstr>
      <vt:lpstr>〇表紙</vt:lpstr>
      <vt:lpstr>〇現況調査票 （その1）</vt:lpstr>
      <vt:lpstr>〇現況調査票（その２）</vt:lpstr>
      <vt:lpstr>〇現況調査票 （その３）両面</vt:lpstr>
      <vt:lpstr>〇教職員名簿（訂正用）</vt:lpstr>
      <vt:lpstr>新規教職員名簿（その1）</vt:lpstr>
      <vt:lpstr>新規教職員名簿（その2）</vt:lpstr>
      <vt:lpstr>預かり保育</vt:lpstr>
      <vt:lpstr>教職員名簿コード表</vt:lpstr>
      <vt:lpstr>〇記入要領!Print_Area</vt:lpstr>
      <vt:lpstr>'〇教職員名簿（訂正用）'!Print_Area</vt:lpstr>
      <vt:lpstr>'〇現況調査票 （その1）'!Print_Area</vt:lpstr>
      <vt:lpstr>'〇現況調査票 （その３）両面'!Print_Area</vt:lpstr>
      <vt:lpstr>'〇現況調査票（その２）'!Print_Area</vt:lpstr>
      <vt:lpstr>〇表紙!Print_Area</vt:lpstr>
      <vt:lpstr>教職員名簿コード表!Print_Area</vt:lpstr>
      <vt:lpstr>'新規教職員名簿（その1）'!Print_Area</vt:lpstr>
      <vt:lpstr>'新規教職員名簿（その2）'!Print_Area</vt:lpstr>
      <vt:lpstr>預かり保育!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3-29T06:18:26Z</cp:lastPrinted>
  <dcterms:created xsi:type="dcterms:W3CDTF">2007-03-02T09:14:24Z</dcterms:created>
  <dcterms:modified xsi:type="dcterms:W3CDTF">2024-03-29T11:53:33Z</dcterms:modified>
</cp:coreProperties>
</file>